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5834181\Desktop\①R6選手権大会3.26\２申込書(R6.3.27)\"/>
    </mc:Choice>
  </mc:AlternateContent>
  <xr:revisionPtr revIDLastSave="0" documentId="13_ncr:1_{EDD6227B-896A-4855-BA89-806D1F866E10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中学校" sheetId="1" r:id="rId1"/>
    <sheet name="地域クラブ" sheetId="4" r:id="rId2"/>
  </sheets>
  <definedNames>
    <definedName name="_xlnm.Print_Area" localSheetId="1">地域クラブ!$A$1:$AD$47</definedName>
    <definedName name="_xlnm.Print_Area" localSheetId="0">中学校!$A$1:$AD$5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O47" i="4" l="1"/>
  <c r="O47" i="1"/>
</calcChain>
</file>

<file path=xl/sharedStrings.xml><?xml version="1.0" encoding="utf-8"?>
<sst xmlns="http://schemas.openxmlformats.org/spreadsheetml/2006/main" count="317" uniqueCount="65">
  <si>
    <t>令和６年</t>
  </si>
  <si>
    <t>月</t>
    <rPh sb="0" eb="1">
      <t>ツキ</t>
    </rPh>
    <phoneticPr fontId="1"/>
  </si>
  <si>
    <t>日</t>
    <rPh sb="0" eb="1">
      <t>ニチ</t>
    </rPh>
    <phoneticPr fontId="1"/>
  </si>
  <si>
    <t>広島市中学校体育連盟会長　様</t>
    <rPh sb="0" eb="3">
      <t>ヒロシマシ</t>
    </rPh>
    <rPh sb="3" eb="6">
      <t>チュウガッコウ</t>
    </rPh>
    <rPh sb="6" eb="8">
      <t>タイイク</t>
    </rPh>
    <rPh sb="8" eb="10">
      <t>レンメイ</t>
    </rPh>
    <rPh sb="10" eb="12">
      <t>カイチョウ</t>
    </rPh>
    <rPh sb="13" eb="14">
      <t>サマ</t>
    </rPh>
    <phoneticPr fontId="1"/>
  </si>
  <si>
    <t>作成及び成績上位者の報道発表並びにＨＰにおける選手名，学年，学校名等の個人情報の記載について</t>
  </si>
  <si>
    <t>の本人及び保護者の同意を得ています。</t>
  </si>
  <si>
    <t>　下記のとおり，大会に出場することを認め，参加申し込みをいたします。また，本大会プログラム</t>
    <phoneticPr fontId="1"/>
  </si>
  <si>
    <t>学校名</t>
    <rPh sb="0" eb="3">
      <t>ガッコウメイ</t>
    </rPh>
    <phoneticPr fontId="1"/>
  </si>
  <si>
    <t>所在地</t>
    <rPh sb="0" eb="3">
      <t>ショザイチ</t>
    </rPh>
    <phoneticPr fontId="1"/>
  </si>
  <si>
    <t>〒</t>
    <phoneticPr fontId="1"/>
  </si>
  <si>
    <t>－</t>
    <phoneticPr fontId="1"/>
  </si>
  <si>
    <t>TEL</t>
    <phoneticPr fontId="1"/>
  </si>
  <si>
    <t>FAX</t>
    <phoneticPr fontId="1"/>
  </si>
  <si>
    <t>印</t>
    <rPh sb="0" eb="1">
      <t>イン</t>
    </rPh>
    <phoneticPr fontId="1"/>
  </si>
  <si>
    <t>監督名</t>
    <rPh sb="0" eb="2">
      <t>カントク</t>
    </rPh>
    <rPh sb="2" eb="3">
      <t>メイ</t>
    </rPh>
    <phoneticPr fontId="1"/>
  </si>
  <si>
    <t>位置</t>
    <rPh sb="0" eb="2">
      <t>イチ</t>
    </rPh>
    <phoneticPr fontId="1"/>
  </si>
  <si>
    <t>選手氏名</t>
    <rPh sb="0" eb="2">
      <t>センシュ</t>
    </rPh>
    <rPh sb="2" eb="4">
      <t>シメイ</t>
    </rPh>
    <phoneticPr fontId="1"/>
  </si>
  <si>
    <t>学年</t>
    <rPh sb="0" eb="2">
      <t>ガクネン</t>
    </rPh>
    <phoneticPr fontId="1"/>
  </si>
  <si>
    <t>体重</t>
    <rPh sb="0" eb="2">
      <t>タイジュウ</t>
    </rPh>
    <phoneticPr fontId="1"/>
  </si>
  <si>
    <t>先鋒</t>
    <rPh sb="0" eb="2">
      <t>センポウ</t>
    </rPh>
    <phoneticPr fontId="1"/>
  </si>
  <si>
    <t>次鋒</t>
    <rPh sb="0" eb="2">
      <t>ジホウ</t>
    </rPh>
    <phoneticPr fontId="1"/>
  </si>
  <si>
    <t>中堅</t>
    <rPh sb="0" eb="2">
      <t>チュウケン</t>
    </rPh>
    <phoneticPr fontId="1"/>
  </si>
  <si>
    <t>副将</t>
    <rPh sb="0" eb="2">
      <t>フクショウ</t>
    </rPh>
    <phoneticPr fontId="1"/>
  </si>
  <si>
    <t>大将</t>
    <rPh sb="0" eb="2">
      <t>タイショウ</t>
    </rPh>
    <phoneticPr fontId="1"/>
  </si>
  <si>
    <t>選手6</t>
    <rPh sb="0" eb="2">
      <t>センシュ</t>
    </rPh>
    <phoneticPr fontId="1"/>
  </si>
  <si>
    <t>選手7</t>
    <rPh sb="0" eb="2">
      <t>センシュ</t>
    </rPh>
    <phoneticPr fontId="1"/>
  </si>
  <si>
    <t>年</t>
    <rPh sb="0" eb="1">
      <t>ネン</t>
    </rPh>
    <phoneticPr fontId="1"/>
  </si>
  <si>
    <t>kg</t>
    <phoneticPr fontId="1"/>
  </si>
  <si>
    <t>※団体Ａ級の「選手６」，「選手７」と団体Ｂ級の選手の二重申し込みは可とする。</t>
  </si>
  <si>
    <t>　団体Ｂ級のＢチームＣチーム・…，においても同様に扱う。</t>
  </si>
  <si>
    <t>　但し，試合当日どちらのチームで出場するかを決定し，それ以降の変更は認めない。</t>
  </si>
  <si>
    <t>クラブ名</t>
    <rPh sb="3" eb="4">
      <t>メイ</t>
    </rPh>
    <phoneticPr fontId="1"/>
  </si>
  <si>
    <t>（</t>
    <phoneticPr fontId="1"/>
  </si>
  <si>
    <t>）</t>
    <phoneticPr fontId="1"/>
  </si>
  <si>
    <t>No</t>
    <phoneticPr fontId="1"/>
  </si>
  <si>
    <t>階級</t>
    <rPh sb="0" eb="2">
      <t>カイキュウ</t>
    </rPh>
    <phoneticPr fontId="1"/>
  </si>
  <si>
    <t>・各階級内で低学年から，体重の軽い者より記入して下さい。</t>
  </si>
  <si>
    <t>・「階級」欄に「50㎏級」等のクラスを記入して下さい。</t>
    <phoneticPr fontId="1"/>
  </si>
  <si>
    <t>登録選手</t>
    <rPh sb="0" eb="2">
      <t>トウロク</t>
    </rPh>
    <rPh sb="2" eb="4">
      <t>センシュ</t>
    </rPh>
    <phoneticPr fontId="1"/>
  </si>
  <si>
    <t>✕</t>
    <phoneticPr fontId="1"/>
  </si>
  <si>
    <t>円</t>
    <rPh sb="0" eb="1">
      <t>エン</t>
    </rPh>
    <phoneticPr fontId="1"/>
  </si>
  <si>
    <t>＝</t>
    <phoneticPr fontId="1"/>
  </si>
  <si>
    <t>(</t>
    <phoneticPr fontId="1"/>
  </si>
  <si>
    <t>)</t>
    <phoneticPr fontId="1"/>
  </si>
  <si>
    <t>名</t>
    <rPh sb="0" eb="1">
      <t>メイ</t>
    </rPh>
    <phoneticPr fontId="1"/>
  </si>
  <si>
    <t>令和６年度　広島市中学校柔道選手権大会　参加申込書（中学校）</t>
    <rPh sb="12" eb="14">
      <t>ジュウドウ</t>
    </rPh>
    <rPh sb="14" eb="17">
      <t>センシュケン</t>
    </rPh>
    <rPh sb="17" eb="19">
      <t>タイカイ</t>
    </rPh>
    <phoneticPr fontId="1"/>
  </si>
  <si>
    <t>－</t>
  </si>
  <si>
    <t>校長名</t>
    <rPh sb="0" eb="3">
      <t>コウチョウメイ</t>
    </rPh>
    <phoneticPr fontId="1"/>
  </si>
  <si>
    <t>引率特例責任者名</t>
    <rPh sb="0" eb="4">
      <t>インソツトクレイ</t>
    </rPh>
    <rPh sb="4" eb="7">
      <t>セキニンシャ</t>
    </rPh>
    <rPh sb="7" eb="8">
      <t>メイ</t>
    </rPh>
    <phoneticPr fontId="1"/>
  </si>
  <si>
    <r>
      <t>該当するものに○をつける</t>
    </r>
    <r>
      <rPr>
        <sz val="6"/>
        <color theme="1"/>
        <rFont val="UD デジタル 教科書体 N-R"/>
        <family val="1"/>
        <charset val="128"/>
      </rPr>
      <t xml:space="preserve">
</t>
    </r>
    <r>
      <rPr>
        <sz val="8"/>
        <color theme="1"/>
        <rFont val="UD デジタル 教科書体 N-R"/>
        <family val="1"/>
        <charset val="128"/>
      </rPr>
      <t xml:space="preserve">
校長　教員　部活動指導員</t>
    </r>
    <rPh sb="0" eb="2">
      <t>ガイトウ</t>
    </rPh>
    <rPh sb="14" eb="16">
      <t>コウチョウ</t>
    </rPh>
    <rPh sb="17" eb="19">
      <t>キョウイン</t>
    </rPh>
    <rPh sb="20" eb="23">
      <t>ブカツドウ</t>
    </rPh>
    <rPh sb="23" eb="26">
      <t>シドウイン</t>
    </rPh>
    <phoneticPr fontId="1"/>
  </si>
  <si>
    <t>個人の部(男子)</t>
    <rPh sb="0" eb="2">
      <t>コジン</t>
    </rPh>
    <rPh sb="3" eb="4">
      <t>ブ</t>
    </rPh>
    <rPh sb="5" eb="7">
      <t>ダンシ</t>
    </rPh>
    <phoneticPr fontId="1"/>
  </si>
  <si>
    <t>個人の部(女子)</t>
    <rPh sb="0" eb="2">
      <t>コジン</t>
    </rPh>
    <rPh sb="3" eb="4">
      <t>ブ</t>
    </rPh>
    <rPh sb="5" eb="7">
      <t>ジョシ</t>
    </rPh>
    <phoneticPr fontId="1"/>
  </si>
  <si>
    <t>kg級</t>
    <rPh sb="2" eb="3">
      <t>キュウ</t>
    </rPh>
    <phoneticPr fontId="1"/>
  </si>
  <si>
    <t>※団体戦注意事項</t>
    <rPh sb="1" eb="4">
      <t>ダンタイセン</t>
    </rPh>
    <rPh sb="4" eb="6">
      <t>チュウイ</t>
    </rPh>
    <rPh sb="6" eb="8">
      <t>ジコウ</t>
    </rPh>
    <phoneticPr fontId="1"/>
  </si>
  <si>
    <t>※個人戦注意事項</t>
    <rPh sb="1" eb="4">
      <t>コジンセン</t>
    </rPh>
    <rPh sb="4" eb="6">
      <t>チュウイ</t>
    </rPh>
    <rPh sb="6" eb="8">
      <t>ジコウ</t>
    </rPh>
    <phoneticPr fontId="1"/>
  </si>
  <si>
    <t>団体の部　(女子・男子B級)</t>
    <rPh sb="0" eb="2">
      <t>ダンタイ</t>
    </rPh>
    <rPh sb="3" eb="4">
      <t>ブ</t>
    </rPh>
    <rPh sb="6" eb="8">
      <t>ジョシ</t>
    </rPh>
    <rPh sb="9" eb="11">
      <t>ダンシ</t>
    </rPh>
    <rPh sb="12" eb="13">
      <t>キュウ</t>
    </rPh>
    <phoneticPr fontId="1"/>
  </si>
  <si>
    <t>・5名(3名)揃わない場合は後ろ詰めとする(3名の場合は体重軽い順に中堅～大将に並べる)</t>
    <rPh sb="2" eb="3">
      <t>メイ</t>
    </rPh>
    <rPh sb="5" eb="6">
      <t>メイ</t>
    </rPh>
    <rPh sb="7" eb="8">
      <t>ソロ</t>
    </rPh>
    <rPh sb="11" eb="13">
      <t>バアイ</t>
    </rPh>
    <rPh sb="14" eb="15">
      <t>ウシ</t>
    </rPh>
    <rPh sb="16" eb="17">
      <t>ヅ</t>
    </rPh>
    <rPh sb="23" eb="24">
      <t>メイ</t>
    </rPh>
    <rPh sb="25" eb="27">
      <t>バアイ</t>
    </rPh>
    <rPh sb="28" eb="30">
      <t>タイジュウ</t>
    </rPh>
    <rPh sb="30" eb="31">
      <t>カル</t>
    </rPh>
    <rPh sb="32" eb="33">
      <t>ジュン</t>
    </rPh>
    <rPh sb="34" eb="36">
      <t>チュウケン</t>
    </rPh>
    <rPh sb="37" eb="39">
      <t>タイショウ</t>
    </rPh>
    <rPh sb="40" eb="41">
      <t>ナラ</t>
    </rPh>
    <phoneticPr fontId="1"/>
  </si>
  <si>
    <t>団体の部　(男子A級)</t>
    <rPh sb="0" eb="2">
      <t>ダンタイ</t>
    </rPh>
    <rPh sb="3" eb="4">
      <t>ブ</t>
    </rPh>
    <rPh sb="6" eb="8">
      <t>ダンシ</t>
    </rPh>
    <rPh sb="9" eb="10">
      <t>キュウ</t>
    </rPh>
    <phoneticPr fontId="1"/>
  </si>
  <si>
    <t>代表者名</t>
    <rPh sb="0" eb="3">
      <t>ダイヒョウシャ</t>
    </rPh>
    <rPh sb="3" eb="4">
      <t>メイ</t>
    </rPh>
    <phoneticPr fontId="1"/>
  </si>
  <si>
    <t>令和６年度　広島市中学校柔道選手権大会　参加申込書（地域クラブ）</t>
    <rPh sb="12" eb="14">
      <t>ジュウドウ</t>
    </rPh>
    <rPh sb="14" eb="17">
      <t>センシュケン</t>
    </rPh>
    <rPh sb="17" eb="19">
      <t>タイカイ</t>
    </rPh>
    <rPh sb="26" eb="28">
      <t>チイキ</t>
    </rPh>
    <phoneticPr fontId="1"/>
  </si>
  <si>
    <t>・男子A級は5人制。女子・男子B級は3人制。A級の選手6.7とB級の二重申し込み可。
　試合当日にどちらで出場するか決める。(以降の変更は認めない)</t>
    <rPh sb="1" eb="3">
      <t>ダンシ</t>
    </rPh>
    <rPh sb="4" eb="5">
      <t>キュウ</t>
    </rPh>
    <rPh sb="7" eb="9">
      <t>ニンセイ</t>
    </rPh>
    <rPh sb="10" eb="12">
      <t>ジョシ</t>
    </rPh>
    <rPh sb="13" eb="15">
      <t>ダンシ</t>
    </rPh>
    <rPh sb="16" eb="17">
      <t>キュウ</t>
    </rPh>
    <rPh sb="19" eb="21">
      <t>ニンセイ</t>
    </rPh>
    <rPh sb="23" eb="24">
      <t>キュウ</t>
    </rPh>
    <rPh sb="25" eb="27">
      <t>センシュ</t>
    </rPh>
    <rPh sb="32" eb="33">
      <t>キュウ</t>
    </rPh>
    <rPh sb="34" eb="36">
      <t>ニジュウ</t>
    </rPh>
    <rPh sb="36" eb="37">
      <t>モウ</t>
    </rPh>
    <rPh sb="38" eb="39">
      <t>コ</t>
    </rPh>
    <rPh sb="40" eb="41">
      <t>カ</t>
    </rPh>
    <rPh sb="44" eb="46">
      <t>シアイ</t>
    </rPh>
    <rPh sb="46" eb="48">
      <t>トウジツ</t>
    </rPh>
    <rPh sb="53" eb="55">
      <t>シュツジョウ</t>
    </rPh>
    <rPh sb="58" eb="59">
      <t>キ</t>
    </rPh>
    <rPh sb="63" eb="65">
      <t>イコウ</t>
    </rPh>
    <rPh sb="66" eb="68">
      <t>ヘンコウ</t>
    </rPh>
    <rPh sb="69" eb="70">
      <t>ミト</t>
    </rPh>
    <phoneticPr fontId="1"/>
  </si>
  <si>
    <t>・体重順</t>
    <phoneticPr fontId="1"/>
  </si>
  <si>
    <t>↓必ずチェックしてください</t>
    <rPh sb="1" eb="2">
      <t>カナラ</t>
    </rPh>
    <phoneticPr fontId="11"/>
  </si>
  <si>
    <t>☐上記選手は、地域クラブ活動（他競技含む）から出場しません。</t>
    <rPh sb="1" eb="3">
      <t>ジョウキ</t>
    </rPh>
    <rPh sb="3" eb="5">
      <t>センシュ</t>
    </rPh>
    <rPh sb="7" eb="9">
      <t>チイキ</t>
    </rPh>
    <rPh sb="12" eb="14">
      <t>カツドウ</t>
    </rPh>
    <rPh sb="15" eb="18">
      <t>タキョウギ</t>
    </rPh>
    <rPh sb="18" eb="19">
      <t>フク</t>
    </rPh>
    <rPh sb="23" eb="25">
      <t>シュツジョウ</t>
    </rPh>
    <phoneticPr fontId="11"/>
  </si>
  <si>
    <r>
      <rPr>
        <b/>
        <u/>
        <sz val="11"/>
        <rFont val="ＭＳ Ｐゴシック"/>
        <family val="3"/>
      </rPr>
      <t>☐</t>
    </r>
    <r>
      <rPr>
        <b/>
        <u/>
        <sz val="9"/>
        <rFont val="ＭＳ Ｐゴシック"/>
        <family val="3"/>
      </rPr>
      <t>上記選手は,複数出場できない競技(陸上,水泳,体操,新体操,ｿﾌﾄﾃﾆｽ,卓球,ﾊﾞﾄﾞﾐﾝﾄﾝ,剣道,ﾃﾆｽ)への申込をしていません。</t>
    </r>
    <rPh sb="1" eb="3">
      <t>ジョウキ</t>
    </rPh>
    <rPh sb="3" eb="5">
      <t>センシュ</t>
    </rPh>
    <rPh sb="7" eb="11">
      <t>フクスウシュツジョウ</t>
    </rPh>
    <rPh sb="15" eb="17">
      <t>キョウギ</t>
    </rPh>
    <rPh sb="18" eb="20">
      <t>リクジョウ</t>
    </rPh>
    <rPh sb="21" eb="23">
      <t>スイエイ</t>
    </rPh>
    <rPh sb="24" eb="26">
      <t>タイソウ</t>
    </rPh>
    <rPh sb="27" eb="30">
      <t>シンタイソウ</t>
    </rPh>
    <rPh sb="38" eb="40">
      <t>タッキュウ</t>
    </rPh>
    <rPh sb="50" eb="52">
      <t>ケンドウ</t>
    </rPh>
    <rPh sb="59" eb="61">
      <t>モウシコミ</t>
    </rPh>
    <phoneticPr fontId="1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UD デジタル 教科書体 N-R"/>
      <family val="1"/>
      <charset val="128"/>
    </font>
    <font>
      <sz val="12"/>
      <color theme="1"/>
      <name val="UD デジタル 教科書体 N-R"/>
      <family val="1"/>
      <charset val="128"/>
    </font>
    <font>
      <sz val="11.5"/>
      <color theme="1"/>
      <name val="UD デジタル 教科書体 N-R"/>
      <family val="1"/>
      <charset val="128"/>
    </font>
    <font>
      <sz val="8"/>
      <color theme="1"/>
      <name val="UD デジタル 教科書体 N-R"/>
      <family val="1"/>
      <charset val="128"/>
    </font>
    <font>
      <sz val="14"/>
      <color theme="1"/>
      <name val="UD デジタル 教科書体 N-R"/>
      <family val="1"/>
      <charset val="128"/>
    </font>
    <font>
      <sz val="6"/>
      <color theme="1"/>
      <name val="UD デジタル 教科書体 N-R"/>
      <family val="1"/>
      <charset val="128"/>
    </font>
    <font>
      <sz val="7"/>
      <color theme="1"/>
      <name val="UD デジタル 教科書体 N-R"/>
      <family val="1"/>
      <charset val="128"/>
    </font>
    <font>
      <sz val="13"/>
      <color theme="1"/>
      <name val="UD デジタル 教科書体 N-R"/>
      <family val="1"/>
      <charset val="128"/>
    </font>
    <font>
      <b/>
      <u/>
      <sz val="11"/>
      <name val="ＭＳ Ｐゴシック"/>
      <family val="3"/>
    </font>
    <font>
      <sz val="6"/>
      <name val="ＭＳ Ｐゴシック"/>
      <family val="3"/>
    </font>
    <font>
      <sz val="9"/>
      <name val="ＭＳ Ｐゴシック"/>
      <family val="3"/>
    </font>
    <font>
      <b/>
      <u/>
      <sz val="9"/>
      <name val="ＭＳ Ｐゴシック"/>
      <family val="3"/>
    </font>
    <font>
      <sz val="11"/>
      <name val="游ゴシック"/>
      <family val="2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87">
    <xf numFmtId="0" fontId="0" fillId="0" borderId="0" xfId="0">
      <alignment vertical="center"/>
    </xf>
    <xf numFmtId="0" fontId="2" fillId="0" borderId="0" xfId="0" applyFont="1">
      <alignment vertical="center"/>
    </xf>
    <xf numFmtId="0" fontId="6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2" fillId="0" borderId="1" xfId="0" applyFont="1" applyBorder="1">
      <alignment vertical="center"/>
    </xf>
    <xf numFmtId="49" fontId="5" fillId="0" borderId="0" xfId="0" applyNumberFormat="1" applyFont="1" applyAlignment="1">
      <alignment horizontal="center" vertical="center" wrapText="1"/>
    </xf>
    <xf numFmtId="49" fontId="5" fillId="0" borderId="0" xfId="0" applyNumberFormat="1" applyFont="1" applyAlignment="1">
      <alignment vertical="center" wrapText="1"/>
    </xf>
    <xf numFmtId="0" fontId="2" fillId="3" borderId="1" xfId="0" applyFont="1" applyFill="1" applyBorder="1">
      <alignment vertical="center"/>
    </xf>
    <xf numFmtId="0" fontId="2" fillId="0" borderId="14" xfId="0" applyFont="1" applyBorder="1">
      <alignment vertical="center"/>
    </xf>
    <xf numFmtId="0" fontId="2" fillId="3" borderId="16" xfId="0" applyFont="1" applyFill="1" applyBorder="1">
      <alignment vertical="center"/>
    </xf>
    <xf numFmtId="0" fontId="2" fillId="0" borderId="16" xfId="0" applyFont="1" applyBorder="1">
      <alignment vertical="center"/>
    </xf>
    <xf numFmtId="0" fontId="2" fillId="0" borderId="17" xfId="0" applyFont="1" applyBorder="1">
      <alignment vertical="center"/>
    </xf>
    <xf numFmtId="0" fontId="2" fillId="3" borderId="13" xfId="0" applyFont="1" applyFill="1" applyBorder="1" applyAlignment="1">
      <alignment horizontal="center" vertical="center"/>
    </xf>
    <xf numFmtId="0" fontId="2" fillId="3" borderId="15" xfId="0" applyFont="1" applyFill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8" fillId="3" borderId="1" xfId="0" applyFont="1" applyFill="1" applyBorder="1" applyAlignment="1">
      <alignment horizontal="center" vertical="center"/>
    </xf>
    <xf numFmtId="0" fontId="8" fillId="3" borderId="16" xfId="0" applyFont="1" applyFill="1" applyBorder="1" applyAlignment="1">
      <alignment horizontal="center" vertical="center"/>
    </xf>
    <xf numFmtId="49" fontId="6" fillId="0" borderId="0" xfId="0" applyNumberFormat="1" applyFont="1" applyAlignment="1">
      <alignment horizontal="center" vertical="center" wrapText="1"/>
    </xf>
    <xf numFmtId="0" fontId="6" fillId="0" borderId="0" xfId="0" applyFont="1" applyAlignment="1">
      <alignment horizontal="left" vertical="center"/>
    </xf>
    <xf numFmtId="0" fontId="6" fillId="0" borderId="0" xfId="0" applyFont="1" applyAlignment="1">
      <alignment horizontal="right" vertical="center"/>
    </xf>
    <xf numFmtId="49" fontId="6" fillId="0" borderId="0" xfId="0" applyNumberFormat="1" applyFont="1" applyAlignment="1">
      <alignment vertical="center" wrapText="1"/>
    </xf>
    <xf numFmtId="49" fontId="6" fillId="0" borderId="0" xfId="0" applyNumberFormat="1" applyFont="1" applyAlignment="1">
      <alignment horizontal="center" vertical="center"/>
    </xf>
    <xf numFmtId="49" fontId="5" fillId="0" borderId="3" xfId="0" applyNumberFormat="1" applyFont="1" applyBorder="1" applyAlignment="1">
      <alignment vertical="center" wrapText="1"/>
    </xf>
    <xf numFmtId="0" fontId="10" fillId="0" borderId="0" xfId="0" applyFont="1">
      <alignment vertical="center"/>
    </xf>
    <xf numFmtId="0" fontId="0" fillId="0" borderId="0" xfId="0" applyAlignment="1">
      <alignment horizontal="center" vertical="center"/>
    </xf>
    <xf numFmtId="0" fontId="12" fillId="0" borderId="0" xfId="0" applyFont="1">
      <alignment vertical="center"/>
    </xf>
    <xf numFmtId="0" fontId="12" fillId="0" borderId="0" xfId="0" applyFont="1" applyAlignment="1">
      <alignment horizontal="center" vertical="center"/>
    </xf>
    <xf numFmtId="49" fontId="6" fillId="0" borderId="1" xfId="0" applyNumberFormat="1" applyFont="1" applyBorder="1" applyAlignment="1">
      <alignment horizontal="center" vertical="center"/>
    </xf>
    <xf numFmtId="49" fontId="2" fillId="0" borderId="2" xfId="0" applyNumberFormat="1" applyFont="1" applyBorder="1" applyAlignment="1">
      <alignment horizontal="center" vertical="center"/>
    </xf>
    <xf numFmtId="49" fontId="2" fillId="0" borderId="3" xfId="0" applyNumberFormat="1" applyFont="1" applyBorder="1" applyAlignment="1">
      <alignment horizontal="center" vertical="center"/>
    </xf>
    <xf numFmtId="49" fontId="2" fillId="0" borderId="5" xfId="0" applyNumberFormat="1" applyFont="1" applyBorder="1" applyAlignment="1">
      <alignment horizontal="center" vertical="center"/>
    </xf>
    <xf numFmtId="49" fontId="2" fillId="0" borderId="6" xfId="0" applyNumberFormat="1" applyFont="1" applyBorder="1" applyAlignment="1">
      <alignment horizontal="center" vertical="center"/>
    </xf>
    <xf numFmtId="49" fontId="2" fillId="0" borderId="8" xfId="0" applyNumberFormat="1" applyFont="1" applyBorder="1" applyAlignment="1">
      <alignment horizontal="center" vertical="center"/>
    </xf>
    <xf numFmtId="49" fontId="2" fillId="0" borderId="9" xfId="0" applyNumberFormat="1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6" fillId="0" borderId="0" xfId="0" applyFont="1" applyAlignment="1">
      <alignment horizontal="left" vertical="center"/>
    </xf>
    <xf numFmtId="49" fontId="2" fillId="0" borderId="1" xfId="0" applyNumberFormat="1" applyFont="1" applyBorder="1" applyAlignment="1">
      <alignment horizontal="center" vertical="center"/>
    </xf>
    <xf numFmtId="49" fontId="6" fillId="0" borderId="2" xfId="0" applyNumberFormat="1" applyFont="1" applyBorder="1" applyAlignment="1">
      <alignment horizontal="center" vertical="center"/>
    </xf>
    <xf numFmtId="49" fontId="6" fillId="0" borderId="3" xfId="0" applyNumberFormat="1" applyFont="1" applyBorder="1" applyAlignment="1">
      <alignment horizontal="center" vertical="center"/>
    </xf>
    <xf numFmtId="49" fontId="6" fillId="0" borderId="4" xfId="0" applyNumberFormat="1" applyFont="1" applyBorder="1" applyAlignment="1">
      <alignment horizontal="center" vertical="center"/>
    </xf>
    <xf numFmtId="49" fontId="6" fillId="0" borderId="5" xfId="0" applyNumberFormat="1" applyFont="1" applyBorder="1" applyAlignment="1">
      <alignment horizontal="center" vertical="center"/>
    </xf>
    <xf numFmtId="49" fontId="6" fillId="0" borderId="6" xfId="0" applyNumberFormat="1" applyFont="1" applyBorder="1" applyAlignment="1">
      <alignment horizontal="center" vertical="center"/>
    </xf>
    <xf numFmtId="49" fontId="6" fillId="0" borderId="7" xfId="0" applyNumberFormat="1" applyFont="1" applyBorder="1" applyAlignment="1">
      <alignment horizontal="center" vertical="center"/>
    </xf>
    <xf numFmtId="49" fontId="2" fillId="0" borderId="4" xfId="0" applyNumberFormat="1" applyFont="1" applyBorder="1" applyAlignment="1">
      <alignment horizontal="center" vertical="center"/>
    </xf>
    <xf numFmtId="49" fontId="2" fillId="0" borderId="7" xfId="0" applyNumberFormat="1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9" fillId="0" borderId="0" xfId="0" applyFont="1" applyAlignment="1">
      <alignment horizontal="left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3" borderId="10" xfId="0" applyFont="1" applyFill="1" applyBorder="1" applyAlignment="1">
      <alignment horizontal="center" vertical="center"/>
    </xf>
    <xf numFmtId="0" fontId="2" fillId="3" borderId="11" xfId="0" applyFont="1" applyFill="1" applyBorder="1" applyAlignment="1">
      <alignment horizontal="center" vertical="center"/>
    </xf>
    <xf numFmtId="49" fontId="2" fillId="0" borderId="1" xfId="0" applyNumberFormat="1" applyFont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/>
    </xf>
    <xf numFmtId="0" fontId="2" fillId="2" borderId="13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49" fontId="2" fillId="0" borderId="16" xfId="0" applyNumberFormat="1" applyFont="1" applyBorder="1" applyAlignment="1">
      <alignment horizontal="center" vertical="center" wrapText="1"/>
    </xf>
    <xf numFmtId="49" fontId="5" fillId="0" borderId="2" xfId="0" applyNumberFormat="1" applyFont="1" applyBorder="1" applyAlignment="1">
      <alignment horizontal="center" vertical="center" wrapText="1"/>
    </xf>
    <xf numFmtId="49" fontId="5" fillId="0" borderId="3" xfId="0" applyNumberFormat="1" applyFont="1" applyBorder="1" applyAlignment="1">
      <alignment horizontal="center" vertical="center" wrapText="1"/>
    </xf>
    <xf numFmtId="49" fontId="5" fillId="0" borderId="4" xfId="0" applyNumberFormat="1" applyFont="1" applyBorder="1" applyAlignment="1">
      <alignment horizontal="center" vertical="center" wrapText="1"/>
    </xf>
    <xf numFmtId="49" fontId="5" fillId="0" borderId="5" xfId="0" applyNumberFormat="1" applyFont="1" applyBorder="1" applyAlignment="1">
      <alignment horizontal="center" vertical="center" wrapText="1"/>
    </xf>
    <xf numFmtId="49" fontId="5" fillId="0" borderId="6" xfId="0" applyNumberFormat="1" applyFont="1" applyBorder="1" applyAlignment="1">
      <alignment horizontal="center" vertical="center" wrapText="1"/>
    </xf>
    <xf numFmtId="49" fontId="5" fillId="0" borderId="7" xfId="0" applyNumberFormat="1" applyFont="1" applyBorder="1" applyAlignment="1">
      <alignment horizontal="center" vertical="center" wrapText="1"/>
    </xf>
    <xf numFmtId="0" fontId="2" fillId="3" borderId="1" xfId="0" applyFont="1" applyFill="1" applyBorder="1" applyAlignment="1">
      <alignment horizontal="center" vertical="center"/>
    </xf>
    <xf numFmtId="0" fontId="2" fillId="3" borderId="14" xfId="0" applyFont="1" applyFill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49" fontId="5" fillId="0" borderId="1" xfId="0" applyNumberFormat="1" applyFont="1" applyBorder="1" applyAlignment="1">
      <alignment horizontal="center" vertical="center" wrapText="1"/>
    </xf>
    <xf numFmtId="0" fontId="2" fillId="3" borderId="13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/>
    </xf>
    <xf numFmtId="0" fontId="2" fillId="2" borderId="16" xfId="0" applyFont="1" applyFill="1" applyBorder="1" applyAlignment="1">
      <alignment horizontal="center" vertical="center"/>
    </xf>
    <xf numFmtId="0" fontId="2" fillId="3" borderId="16" xfId="0" applyFont="1" applyFill="1" applyBorder="1" applyAlignment="1">
      <alignment horizontal="center" vertical="center"/>
    </xf>
    <xf numFmtId="49" fontId="5" fillId="0" borderId="16" xfId="0" applyNumberFormat="1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/>
    </xf>
    <xf numFmtId="0" fontId="6" fillId="0" borderId="12" xfId="0" applyFont="1" applyBorder="1" applyAlignment="1">
      <alignment horizontal="left" vertical="center"/>
    </xf>
    <xf numFmtId="0" fontId="2" fillId="3" borderId="18" xfId="0" applyFont="1" applyFill="1" applyBorder="1" applyAlignment="1">
      <alignment horizontal="center" vertical="center"/>
    </xf>
    <xf numFmtId="0" fontId="2" fillId="3" borderId="19" xfId="0" applyFont="1" applyFill="1" applyBorder="1" applyAlignment="1">
      <alignment horizontal="center" vertical="center"/>
    </xf>
    <xf numFmtId="0" fontId="6" fillId="3" borderId="20" xfId="0" applyFont="1" applyFill="1" applyBorder="1" applyAlignment="1">
      <alignment horizontal="center" vertical="center"/>
    </xf>
    <xf numFmtId="0" fontId="6" fillId="3" borderId="21" xfId="0" applyFont="1" applyFill="1" applyBorder="1" applyAlignment="1">
      <alignment horizontal="center" vertical="center"/>
    </xf>
    <xf numFmtId="0" fontId="6" fillId="3" borderId="22" xfId="0" applyFont="1" applyFill="1" applyBorder="1" applyAlignment="1">
      <alignment horizontal="center" vertical="center"/>
    </xf>
    <xf numFmtId="0" fontId="13" fillId="0" borderId="0" xfId="0" applyFont="1">
      <alignment vertical="center"/>
    </xf>
    <xf numFmtId="0" fontId="14" fillId="0" borderId="0" xfId="0" applyFont="1">
      <alignment vertical="center"/>
    </xf>
    <xf numFmtId="0" fontId="14" fillId="0" borderId="0" xfId="0" applyFont="1" applyAlignment="1">
      <alignment horizontal="center" vertical="center"/>
    </xf>
  </cellXfs>
  <cellStyles count="1">
    <cellStyle name="標準" xfId="0" builtinId="0"/>
  </cellStyles>
  <dxfs count="2">
    <dxf>
      <font>
        <color theme="0"/>
      </font>
    </dxf>
    <dxf>
      <font>
        <color theme="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</sheetPr>
  <dimension ref="A1:AD57"/>
  <sheetViews>
    <sheetView tabSelected="1" view="pageBreakPreview" topLeftCell="A40" zoomScale="130" zoomScaleNormal="70" zoomScaleSheetLayoutView="130" workbookViewId="0">
      <selection activeCell="Q41" sqref="Q41:R41"/>
    </sheetView>
  </sheetViews>
  <sheetFormatPr defaultColWidth="3" defaultRowHeight="14.4" x14ac:dyDescent="0.45"/>
  <cols>
    <col min="1" max="16384" width="3" style="1"/>
  </cols>
  <sheetData>
    <row r="1" spans="1:30" ht="14.4" customHeight="1" x14ac:dyDescent="0.45">
      <c r="A1" s="77" t="s">
        <v>45</v>
      </c>
      <c r="B1" s="77"/>
      <c r="C1" s="77"/>
      <c r="D1" s="77"/>
      <c r="E1" s="77"/>
      <c r="F1" s="77"/>
      <c r="G1" s="77"/>
      <c r="H1" s="77"/>
      <c r="I1" s="77"/>
      <c r="J1" s="77"/>
      <c r="K1" s="77"/>
      <c r="L1" s="77"/>
      <c r="M1" s="77"/>
      <c r="N1" s="77"/>
      <c r="O1" s="77"/>
      <c r="P1" s="77"/>
      <c r="Q1" s="77"/>
      <c r="R1" s="77"/>
      <c r="S1" s="77"/>
      <c r="T1" s="77"/>
      <c r="U1" s="77"/>
      <c r="V1" s="77"/>
      <c r="W1" s="77"/>
      <c r="X1" s="77"/>
      <c r="Y1" s="77"/>
      <c r="Z1" s="77"/>
      <c r="AA1" s="77"/>
      <c r="AB1" s="77"/>
      <c r="AC1" s="77"/>
      <c r="AD1" s="77"/>
    </row>
    <row r="2" spans="1:30" ht="14.4" customHeight="1" x14ac:dyDescent="0.45">
      <c r="A2" s="77"/>
      <c r="B2" s="77"/>
      <c r="C2" s="77"/>
      <c r="D2" s="77"/>
      <c r="E2" s="77"/>
      <c r="F2" s="77"/>
      <c r="G2" s="77"/>
      <c r="H2" s="77"/>
      <c r="I2" s="77"/>
      <c r="J2" s="77"/>
      <c r="K2" s="77"/>
      <c r="L2" s="77"/>
      <c r="M2" s="77"/>
      <c r="N2" s="77"/>
      <c r="O2" s="77"/>
      <c r="P2" s="77"/>
      <c r="Q2" s="77"/>
      <c r="R2" s="77"/>
      <c r="S2" s="77"/>
      <c r="T2" s="77"/>
      <c r="U2" s="77"/>
      <c r="V2" s="77"/>
      <c r="W2" s="77"/>
      <c r="X2" s="77"/>
      <c r="Y2" s="77"/>
      <c r="Z2" s="77"/>
      <c r="AA2" s="77"/>
      <c r="AB2" s="77"/>
      <c r="AC2" s="77"/>
      <c r="AD2" s="77"/>
    </row>
    <row r="3" spans="1:30" ht="9" customHeight="1" x14ac:dyDescent="0.45">
      <c r="X3" s="35" t="s">
        <v>0</v>
      </c>
      <c r="Y3" s="35"/>
      <c r="Z3" s="35"/>
      <c r="AB3" s="1" t="s">
        <v>1</v>
      </c>
      <c r="AD3" s="1" t="s">
        <v>2</v>
      </c>
    </row>
    <row r="4" spans="1:30" x14ac:dyDescent="0.45">
      <c r="A4" s="1" t="s">
        <v>3</v>
      </c>
    </row>
    <row r="5" spans="1:30" ht="7.8" customHeight="1" x14ac:dyDescent="0.45"/>
    <row r="6" spans="1:30" ht="15" x14ac:dyDescent="0.45">
      <c r="A6" s="36" t="s">
        <v>6</v>
      </c>
      <c r="B6" s="36"/>
      <c r="C6" s="36"/>
      <c r="D6" s="36"/>
      <c r="E6" s="36"/>
      <c r="F6" s="36"/>
      <c r="G6" s="36"/>
      <c r="H6" s="36"/>
      <c r="I6" s="36"/>
      <c r="J6" s="36"/>
      <c r="K6" s="36"/>
      <c r="L6" s="36"/>
      <c r="M6" s="36"/>
      <c r="N6" s="36"/>
      <c r="O6" s="36"/>
      <c r="P6" s="36"/>
      <c r="Q6" s="36"/>
      <c r="R6" s="36"/>
      <c r="S6" s="36"/>
      <c r="T6" s="36"/>
      <c r="U6" s="36"/>
      <c r="V6" s="36"/>
      <c r="W6" s="36"/>
      <c r="X6" s="36"/>
      <c r="Y6" s="36"/>
      <c r="Z6" s="36"/>
      <c r="AA6" s="36"/>
      <c r="AB6" s="36"/>
      <c r="AC6" s="36"/>
      <c r="AD6" s="36"/>
    </row>
    <row r="7" spans="1:30" ht="15" x14ac:dyDescent="0.45">
      <c r="A7" s="36" t="s">
        <v>4</v>
      </c>
      <c r="B7" s="36"/>
      <c r="C7" s="36"/>
      <c r="D7" s="36"/>
      <c r="E7" s="36"/>
      <c r="F7" s="36"/>
      <c r="G7" s="36"/>
      <c r="H7" s="36"/>
      <c r="I7" s="36"/>
      <c r="J7" s="36"/>
      <c r="K7" s="36"/>
      <c r="L7" s="36"/>
      <c r="M7" s="36"/>
      <c r="N7" s="36"/>
      <c r="O7" s="36"/>
      <c r="P7" s="36"/>
      <c r="Q7" s="36"/>
      <c r="R7" s="36"/>
      <c r="S7" s="36"/>
      <c r="T7" s="36"/>
      <c r="U7" s="36"/>
      <c r="V7" s="36"/>
      <c r="W7" s="36"/>
      <c r="X7" s="36"/>
      <c r="Y7" s="36"/>
      <c r="Z7" s="36"/>
      <c r="AA7" s="36"/>
      <c r="AB7" s="36"/>
      <c r="AC7" s="36"/>
      <c r="AD7" s="36"/>
    </row>
    <row r="8" spans="1:30" ht="15" x14ac:dyDescent="0.45">
      <c r="A8" s="36" t="s">
        <v>5</v>
      </c>
      <c r="B8" s="36"/>
      <c r="C8" s="36"/>
      <c r="D8" s="36"/>
      <c r="E8" s="36"/>
      <c r="F8" s="36"/>
      <c r="G8" s="36"/>
      <c r="H8" s="36"/>
      <c r="I8" s="36"/>
      <c r="J8" s="36"/>
      <c r="K8" s="36"/>
      <c r="L8" s="36"/>
      <c r="M8" s="36"/>
      <c r="N8" s="36"/>
      <c r="O8" s="36"/>
      <c r="P8" s="36"/>
      <c r="Q8" s="36"/>
      <c r="R8" s="36"/>
      <c r="S8" s="36"/>
      <c r="T8" s="36"/>
      <c r="U8" s="36"/>
      <c r="V8" s="36"/>
      <c r="W8" s="36"/>
      <c r="X8" s="36"/>
      <c r="Y8" s="36"/>
      <c r="Z8" s="36"/>
      <c r="AA8" s="36"/>
      <c r="AB8" s="36"/>
      <c r="AC8" s="36"/>
      <c r="AD8" s="36"/>
    </row>
    <row r="9" spans="1:30" ht="9" customHeight="1" x14ac:dyDescent="0.45"/>
    <row r="10" spans="1:30" ht="14.4" customHeight="1" x14ac:dyDescent="0.45">
      <c r="A10" s="39" t="s">
        <v>7</v>
      </c>
      <c r="B10" s="40"/>
      <c r="C10" s="41"/>
      <c r="D10" s="40"/>
      <c r="E10" s="40"/>
      <c r="F10" s="40"/>
      <c r="G10" s="40"/>
      <c r="H10" s="40"/>
      <c r="I10" s="40"/>
      <c r="J10" s="41"/>
      <c r="K10" s="28" t="s">
        <v>8</v>
      </c>
      <c r="L10" s="28"/>
      <c r="M10" s="28"/>
      <c r="N10" s="33" t="s">
        <v>9</v>
      </c>
      <c r="O10" s="29"/>
      <c r="P10" s="30"/>
      <c r="Q10" s="30" t="s">
        <v>46</v>
      </c>
      <c r="R10" s="30"/>
      <c r="S10" s="30"/>
      <c r="T10" s="45"/>
      <c r="U10" s="30"/>
      <c r="V10" s="30"/>
      <c r="W10" s="30"/>
      <c r="X10" s="30"/>
      <c r="Y10" s="30"/>
      <c r="Z10" s="30"/>
      <c r="AA10" s="30"/>
      <c r="AB10" s="30"/>
      <c r="AC10" s="30"/>
      <c r="AD10" s="45"/>
    </row>
    <row r="11" spans="1:30" ht="14.4" customHeight="1" x14ac:dyDescent="0.45">
      <c r="A11" s="42"/>
      <c r="B11" s="43"/>
      <c r="C11" s="44"/>
      <c r="D11" s="43"/>
      <c r="E11" s="43"/>
      <c r="F11" s="43"/>
      <c r="G11" s="43"/>
      <c r="H11" s="43"/>
      <c r="I11" s="43"/>
      <c r="J11" s="44"/>
      <c r="K11" s="28"/>
      <c r="L11" s="28"/>
      <c r="M11" s="28"/>
      <c r="N11" s="34"/>
      <c r="O11" s="31"/>
      <c r="P11" s="32"/>
      <c r="Q11" s="32"/>
      <c r="R11" s="32"/>
      <c r="S11" s="32"/>
      <c r="T11" s="46"/>
      <c r="U11" s="32"/>
      <c r="V11" s="32"/>
      <c r="W11" s="32"/>
      <c r="X11" s="32"/>
      <c r="Y11" s="32"/>
      <c r="Z11" s="32"/>
      <c r="AA11" s="32"/>
      <c r="AB11" s="32"/>
      <c r="AC11" s="32"/>
      <c r="AD11" s="46"/>
    </row>
    <row r="12" spans="1:30" ht="14.4" customHeight="1" x14ac:dyDescent="0.45">
      <c r="A12" s="33" t="s">
        <v>11</v>
      </c>
      <c r="B12" s="29"/>
      <c r="C12" s="30"/>
      <c r="D12" s="30" t="s">
        <v>10</v>
      </c>
      <c r="E12" s="30"/>
      <c r="F12" s="30"/>
      <c r="G12" s="30" t="s">
        <v>10</v>
      </c>
      <c r="H12" s="30"/>
      <c r="I12" s="30"/>
      <c r="J12" s="45"/>
      <c r="K12" s="33" t="s">
        <v>12</v>
      </c>
      <c r="L12" s="29"/>
      <c r="M12" s="30"/>
      <c r="N12" s="30" t="s">
        <v>10</v>
      </c>
      <c r="O12" s="30"/>
      <c r="P12" s="30"/>
      <c r="Q12" s="30" t="s">
        <v>10</v>
      </c>
      <c r="R12" s="30"/>
      <c r="S12" s="30"/>
      <c r="T12" s="45"/>
      <c r="U12" s="28" t="s">
        <v>47</v>
      </c>
      <c r="V12" s="28"/>
      <c r="W12" s="28"/>
      <c r="X12" s="38"/>
      <c r="Y12" s="38"/>
      <c r="Z12" s="38"/>
      <c r="AA12" s="38"/>
      <c r="AB12" s="38"/>
      <c r="AC12" s="38" t="s">
        <v>13</v>
      </c>
      <c r="AD12" s="38"/>
    </row>
    <row r="13" spans="1:30" ht="14.4" customHeight="1" x14ac:dyDescent="0.45">
      <c r="A13" s="34"/>
      <c r="B13" s="31"/>
      <c r="C13" s="32"/>
      <c r="D13" s="32"/>
      <c r="E13" s="32"/>
      <c r="F13" s="32"/>
      <c r="G13" s="32"/>
      <c r="H13" s="32"/>
      <c r="I13" s="32"/>
      <c r="J13" s="46"/>
      <c r="K13" s="34"/>
      <c r="L13" s="31"/>
      <c r="M13" s="32"/>
      <c r="N13" s="32"/>
      <c r="O13" s="32"/>
      <c r="P13" s="32"/>
      <c r="Q13" s="32"/>
      <c r="R13" s="32"/>
      <c r="S13" s="32"/>
      <c r="T13" s="46"/>
      <c r="U13" s="28"/>
      <c r="V13" s="28"/>
      <c r="W13" s="28"/>
      <c r="X13" s="38"/>
      <c r="Y13" s="38"/>
      <c r="Z13" s="38"/>
      <c r="AA13" s="38"/>
      <c r="AB13" s="38"/>
      <c r="AC13" s="38"/>
      <c r="AD13" s="38"/>
    </row>
    <row r="14" spans="1:30" ht="14.4" customHeight="1" x14ac:dyDescent="0.45">
      <c r="A14" s="28" t="s">
        <v>14</v>
      </c>
      <c r="B14" s="28"/>
      <c r="C14" s="28"/>
      <c r="D14" s="28"/>
      <c r="E14" s="28"/>
      <c r="F14" s="28"/>
      <c r="G14" s="28"/>
      <c r="H14" s="28"/>
      <c r="I14" s="28"/>
      <c r="J14" s="62" t="s">
        <v>49</v>
      </c>
      <c r="K14" s="63"/>
      <c r="L14" s="63"/>
      <c r="M14" s="63"/>
      <c r="N14" s="63"/>
      <c r="O14" s="64"/>
      <c r="P14" s="39" t="s">
        <v>48</v>
      </c>
      <c r="Q14" s="40"/>
      <c r="R14" s="40"/>
      <c r="S14" s="40"/>
      <c r="T14" s="40"/>
      <c r="U14" s="40"/>
      <c r="V14" s="41"/>
      <c r="W14" s="39"/>
      <c r="X14" s="40"/>
      <c r="Y14" s="40"/>
      <c r="Z14" s="40"/>
      <c r="AA14" s="40"/>
      <c r="AB14" s="40"/>
      <c r="AC14" s="40"/>
      <c r="AD14" s="41"/>
    </row>
    <row r="15" spans="1:30" ht="18" customHeight="1" x14ac:dyDescent="0.45">
      <c r="A15" s="28"/>
      <c r="B15" s="28"/>
      <c r="C15" s="28"/>
      <c r="D15" s="28"/>
      <c r="E15" s="28"/>
      <c r="F15" s="28"/>
      <c r="G15" s="28"/>
      <c r="H15" s="28"/>
      <c r="I15" s="28"/>
      <c r="J15" s="65"/>
      <c r="K15" s="66"/>
      <c r="L15" s="66"/>
      <c r="M15" s="66"/>
      <c r="N15" s="66"/>
      <c r="O15" s="67"/>
      <c r="P15" s="42"/>
      <c r="Q15" s="43"/>
      <c r="R15" s="43"/>
      <c r="S15" s="43"/>
      <c r="T15" s="43"/>
      <c r="U15" s="43"/>
      <c r="V15" s="44"/>
      <c r="W15" s="42"/>
      <c r="X15" s="43"/>
      <c r="Y15" s="43"/>
      <c r="Z15" s="43"/>
      <c r="AA15" s="43"/>
      <c r="AB15" s="43"/>
      <c r="AC15" s="43"/>
      <c r="AD15" s="44"/>
    </row>
    <row r="16" spans="1:30" ht="10.199999999999999" customHeight="1" x14ac:dyDescent="0.45">
      <c r="A16" s="22"/>
      <c r="B16" s="22"/>
      <c r="C16" s="22"/>
      <c r="D16" s="22"/>
      <c r="E16" s="22"/>
      <c r="F16" s="22"/>
      <c r="G16" s="22"/>
      <c r="H16" s="22"/>
      <c r="I16" s="6"/>
      <c r="J16" s="6"/>
      <c r="K16" s="6"/>
      <c r="L16" s="6"/>
      <c r="M16" s="6"/>
      <c r="N16" s="6"/>
      <c r="O16" s="6"/>
      <c r="P16" s="22"/>
      <c r="Q16" s="22"/>
      <c r="R16" s="22"/>
      <c r="S16" s="22"/>
      <c r="T16" s="22"/>
      <c r="U16" s="22"/>
      <c r="V16" s="22"/>
      <c r="W16" s="22"/>
      <c r="X16" s="3"/>
      <c r="Y16" s="3"/>
      <c r="Z16" s="3"/>
      <c r="AA16" s="3"/>
      <c r="AB16" s="3"/>
      <c r="AC16" s="3"/>
      <c r="AD16" s="3"/>
    </row>
    <row r="17" spans="1:30" s="2" customFormat="1" ht="14.4" customHeight="1" thickBot="1" x14ac:dyDescent="0.5">
      <c r="A17" s="2" t="s">
        <v>57</v>
      </c>
      <c r="D17" s="21"/>
      <c r="E17" s="21"/>
      <c r="F17" s="21"/>
      <c r="I17" s="21"/>
      <c r="K17" s="21"/>
      <c r="L17" s="21"/>
      <c r="M17" s="21"/>
      <c r="N17" s="21"/>
      <c r="O17" s="21"/>
      <c r="Q17" s="2" t="s">
        <v>55</v>
      </c>
      <c r="S17" s="21"/>
      <c r="T17" s="21"/>
      <c r="U17" s="21"/>
      <c r="W17" s="21"/>
      <c r="X17" s="21"/>
      <c r="Y17" s="21"/>
      <c r="Z17" s="21"/>
      <c r="AA17" s="21"/>
      <c r="AB17" s="21"/>
    </row>
    <row r="18" spans="1:30" ht="14.4" customHeight="1" x14ac:dyDescent="0.45">
      <c r="A18" s="47" t="s">
        <v>15</v>
      </c>
      <c r="B18" s="48"/>
      <c r="C18" s="48" t="s">
        <v>16</v>
      </c>
      <c r="D18" s="48"/>
      <c r="E18" s="48"/>
      <c r="F18" s="48"/>
      <c r="G18" s="48"/>
      <c r="H18" s="48"/>
      <c r="I18" s="48" t="s">
        <v>17</v>
      </c>
      <c r="J18" s="48"/>
      <c r="K18" s="48"/>
      <c r="L18" s="48" t="s">
        <v>18</v>
      </c>
      <c r="M18" s="48"/>
      <c r="N18" s="58"/>
      <c r="O18" s="7"/>
      <c r="Q18" s="47" t="s">
        <v>15</v>
      </c>
      <c r="R18" s="48"/>
      <c r="S18" s="48" t="s">
        <v>16</v>
      </c>
      <c r="T18" s="48"/>
      <c r="U18" s="48"/>
      <c r="V18" s="48"/>
      <c r="W18" s="48"/>
      <c r="X18" s="48"/>
      <c r="Y18" s="48" t="s">
        <v>17</v>
      </c>
      <c r="Z18" s="48"/>
      <c r="AA18" s="48"/>
      <c r="AB18" s="48" t="s">
        <v>18</v>
      </c>
      <c r="AC18" s="48"/>
      <c r="AD18" s="58"/>
    </row>
    <row r="19" spans="1:30" ht="19.95" customHeight="1" x14ac:dyDescent="0.45">
      <c r="A19" s="49" t="s">
        <v>19</v>
      </c>
      <c r="B19" s="50"/>
      <c r="C19" s="57"/>
      <c r="D19" s="57"/>
      <c r="E19" s="57"/>
      <c r="F19" s="57"/>
      <c r="G19" s="57"/>
      <c r="H19" s="57"/>
      <c r="I19" s="57"/>
      <c r="J19" s="57"/>
      <c r="K19" s="5" t="s">
        <v>26</v>
      </c>
      <c r="L19" s="57"/>
      <c r="M19" s="57"/>
      <c r="N19" s="9" t="s">
        <v>27</v>
      </c>
      <c r="Q19" s="59" t="s">
        <v>19</v>
      </c>
      <c r="R19" s="60"/>
      <c r="S19" s="57"/>
      <c r="T19" s="57"/>
      <c r="U19" s="57"/>
      <c r="V19" s="57"/>
      <c r="W19" s="57"/>
      <c r="X19" s="57"/>
      <c r="Y19" s="57"/>
      <c r="Z19" s="57"/>
      <c r="AA19" s="5" t="s">
        <v>26</v>
      </c>
      <c r="AB19" s="57"/>
      <c r="AC19" s="57"/>
      <c r="AD19" s="9" t="s">
        <v>27</v>
      </c>
    </row>
    <row r="20" spans="1:30" ht="19.95" customHeight="1" x14ac:dyDescent="0.45">
      <c r="A20" s="49" t="s">
        <v>20</v>
      </c>
      <c r="B20" s="50"/>
      <c r="C20" s="57"/>
      <c r="D20" s="57"/>
      <c r="E20" s="57"/>
      <c r="F20" s="57"/>
      <c r="G20" s="57"/>
      <c r="H20" s="57"/>
      <c r="I20" s="57"/>
      <c r="J20" s="57"/>
      <c r="K20" s="5" t="s">
        <v>26</v>
      </c>
      <c r="L20" s="57"/>
      <c r="M20" s="57"/>
      <c r="N20" s="9" t="s">
        <v>27</v>
      </c>
      <c r="Q20" s="49"/>
      <c r="R20" s="50"/>
      <c r="S20" s="57"/>
      <c r="T20" s="57"/>
      <c r="U20" s="57"/>
      <c r="V20" s="57"/>
      <c r="W20" s="57"/>
      <c r="X20" s="57"/>
      <c r="Y20" s="57"/>
      <c r="Z20" s="57"/>
      <c r="AA20" s="5"/>
      <c r="AB20" s="57"/>
      <c r="AC20" s="57"/>
      <c r="AD20" s="9"/>
    </row>
    <row r="21" spans="1:30" ht="19.95" customHeight="1" x14ac:dyDescent="0.45">
      <c r="A21" s="49" t="s">
        <v>21</v>
      </c>
      <c r="B21" s="50"/>
      <c r="C21" s="57"/>
      <c r="D21" s="57"/>
      <c r="E21" s="57"/>
      <c r="F21" s="57"/>
      <c r="G21" s="57"/>
      <c r="H21" s="57"/>
      <c r="I21" s="57"/>
      <c r="J21" s="57"/>
      <c r="K21" s="5" t="s">
        <v>26</v>
      </c>
      <c r="L21" s="57"/>
      <c r="M21" s="57"/>
      <c r="N21" s="9" t="s">
        <v>27</v>
      </c>
      <c r="Q21" s="59" t="s">
        <v>21</v>
      </c>
      <c r="R21" s="60"/>
      <c r="S21" s="57"/>
      <c r="T21" s="57"/>
      <c r="U21" s="57"/>
      <c r="V21" s="57"/>
      <c r="W21" s="57"/>
      <c r="X21" s="57"/>
      <c r="Y21" s="57"/>
      <c r="Z21" s="57"/>
      <c r="AA21" s="5" t="s">
        <v>26</v>
      </c>
      <c r="AB21" s="57"/>
      <c r="AC21" s="57"/>
      <c r="AD21" s="9" t="s">
        <v>27</v>
      </c>
    </row>
    <row r="22" spans="1:30" ht="19.95" customHeight="1" x14ac:dyDescent="0.45">
      <c r="A22" s="49" t="s">
        <v>22</v>
      </c>
      <c r="B22" s="50"/>
      <c r="C22" s="57"/>
      <c r="D22" s="57"/>
      <c r="E22" s="57"/>
      <c r="F22" s="57"/>
      <c r="G22" s="57"/>
      <c r="H22" s="57"/>
      <c r="I22" s="57"/>
      <c r="J22" s="57"/>
      <c r="K22" s="5" t="s">
        <v>26</v>
      </c>
      <c r="L22" s="57"/>
      <c r="M22" s="57"/>
      <c r="N22" s="9" t="s">
        <v>27</v>
      </c>
      <c r="Q22" s="49"/>
      <c r="R22" s="50"/>
      <c r="S22" s="57"/>
      <c r="T22" s="57"/>
      <c r="U22" s="57"/>
      <c r="V22" s="57"/>
      <c r="W22" s="57"/>
      <c r="X22" s="57"/>
      <c r="Y22" s="57"/>
      <c r="Z22" s="57"/>
      <c r="AA22" s="5"/>
      <c r="AB22" s="57"/>
      <c r="AC22" s="57"/>
      <c r="AD22" s="9"/>
    </row>
    <row r="23" spans="1:30" ht="19.95" customHeight="1" x14ac:dyDescent="0.45">
      <c r="A23" s="49" t="s">
        <v>23</v>
      </c>
      <c r="B23" s="50"/>
      <c r="C23" s="57"/>
      <c r="D23" s="57"/>
      <c r="E23" s="57"/>
      <c r="F23" s="57"/>
      <c r="G23" s="57"/>
      <c r="H23" s="57"/>
      <c r="I23" s="57"/>
      <c r="J23" s="57"/>
      <c r="K23" s="5" t="s">
        <v>26</v>
      </c>
      <c r="L23" s="57"/>
      <c r="M23" s="57"/>
      <c r="N23" s="9" t="s">
        <v>27</v>
      </c>
      <c r="Q23" s="59" t="s">
        <v>23</v>
      </c>
      <c r="R23" s="60"/>
      <c r="S23" s="57"/>
      <c r="T23" s="57"/>
      <c r="U23" s="57"/>
      <c r="V23" s="57"/>
      <c r="W23" s="57"/>
      <c r="X23" s="57"/>
      <c r="Y23" s="57"/>
      <c r="Z23" s="57"/>
      <c r="AA23" s="5" t="s">
        <v>26</v>
      </c>
      <c r="AB23" s="57"/>
      <c r="AC23" s="57"/>
      <c r="AD23" s="9" t="s">
        <v>27</v>
      </c>
    </row>
    <row r="24" spans="1:30" ht="19.95" customHeight="1" x14ac:dyDescent="0.45">
      <c r="A24" s="49" t="s">
        <v>24</v>
      </c>
      <c r="B24" s="50"/>
      <c r="C24" s="57"/>
      <c r="D24" s="57"/>
      <c r="E24" s="57"/>
      <c r="F24" s="57"/>
      <c r="G24" s="57"/>
      <c r="H24" s="57"/>
      <c r="I24" s="57"/>
      <c r="J24" s="57"/>
      <c r="K24" s="5" t="s">
        <v>26</v>
      </c>
      <c r="L24" s="57"/>
      <c r="M24" s="57"/>
      <c r="N24" s="9" t="s">
        <v>27</v>
      </c>
      <c r="Q24" s="72"/>
      <c r="R24" s="68"/>
      <c r="S24" s="57"/>
      <c r="T24" s="57"/>
      <c r="U24" s="57"/>
      <c r="V24" s="57"/>
      <c r="W24" s="57"/>
      <c r="X24" s="57"/>
      <c r="Y24" s="57"/>
      <c r="Z24" s="57"/>
      <c r="AA24" s="5"/>
      <c r="AB24" s="57"/>
      <c r="AC24" s="57"/>
      <c r="AD24" s="9"/>
    </row>
    <row r="25" spans="1:30" ht="19.95" customHeight="1" thickBot="1" x14ac:dyDescent="0.5">
      <c r="A25" s="53" t="s">
        <v>25</v>
      </c>
      <c r="B25" s="54"/>
      <c r="C25" s="61"/>
      <c r="D25" s="61"/>
      <c r="E25" s="61"/>
      <c r="F25" s="61"/>
      <c r="G25" s="61"/>
      <c r="H25" s="61"/>
      <c r="I25" s="61"/>
      <c r="J25" s="61"/>
      <c r="K25" s="11" t="s">
        <v>26</v>
      </c>
      <c r="L25" s="61"/>
      <c r="M25" s="61"/>
      <c r="N25" s="12" t="s">
        <v>27</v>
      </c>
      <c r="Q25" s="73" t="s">
        <v>25</v>
      </c>
      <c r="R25" s="74"/>
      <c r="S25" s="61"/>
      <c r="T25" s="61"/>
      <c r="U25" s="61"/>
      <c r="V25" s="61"/>
      <c r="W25" s="61"/>
      <c r="X25" s="61"/>
      <c r="Y25" s="61"/>
      <c r="Z25" s="61"/>
      <c r="AA25" s="11" t="s">
        <v>26</v>
      </c>
      <c r="AB25" s="61"/>
      <c r="AC25" s="61"/>
      <c r="AD25" s="12" t="s">
        <v>27</v>
      </c>
    </row>
    <row r="26" spans="1:30" ht="14.4" customHeight="1" x14ac:dyDescent="0.45">
      <c r="A26" s="78" t="s">
        <v>53</v>
      </c>
      <c r="B26" s="78"/>
      <c r="C26" s="78"/>
      <c r="D26" s="78"/>
      <c r="E26" s="78"/>
      <c r="F26" s="78"/>
      <c r="G26" s="78"/>
      <c r="H26" s="18"/>
      <c r="I26" s="18"/>
      <c r="J26" s="18"/>
      <c r="K26" s="2"/>
      <c r="L26" s="18"/>
      <c r="M26" s="18"/>
      <c r="N26" s="2"/>
      <c r="O26" s="2"/>
      <c r="P26" s="4"/>
      <c r="Q26" s="4"/>
      <c r="R26" s="18"/>
      <c r="S26" s="18"/>
      <c r="T26" s="18"/>
      <c r="U26" s="18"/>
      <c r="V26" s="18"/>
      <c r="W26" s="18"/>
      <c r="X26" s="18"/>
      <c r="Y26" s="6"/>
      <c r="AA26" s="6"/>
      <c r="AB26" s="6"/>
      <c r="AD26" s="7"/>
    </row>
    <row r="27" spans="1:30" ht="14.4" customHeight="1" x14ac:dyDescent="0.45">
      <c r="A27" s="51" t="s">
        <v>60</v>
      </c>
      <c r="B27" s="51"/>
      <c r="C27" s="51"/>
      <c r="D27" s="51"/>
      <c r="E27" s="51"/>
      <c r="F27" s="51"/>
      <c r="G27" s="51"/>
      <c r="H27" s="51"/>
      <c r="I27" s="51"/>
      <c r="J27" s="51"/>
      <c r="K27" s="51"/>
      <c r="L27" s="51"/>
      <c r="M27" s="51"/>
      <c r="N27" s="51"/>
      <c r="O27" s="51"/>
      <c r="P27" s="51"/>
      <c r="Q27" s="51"/>
      <c r="R27" s="51"/>
      <c r="S27" s="51"/>
      <c r="T27" s="51"/>
      <c r="U27" s="51"/>
      <c r="V27" s="51"/>
      <c r="W27" s="51"/>
      <c r="X27" s="51"/>
      <c r="Y27" s="51"/>
      <c r="Z27" s="51"/>
      <c r="AA27" s="51"/>
      <c r="AB27" s="51"/>
      <c r="AC27" s="51"/>
      <c r="AD27" s="51"/>
    </row>
    <row r="28" spans="1:30" ht="14.4" customHeight="1" x14ac:dyDescent="0.45">
      <c r="A28" s="51"/>
      <c r="B28" s="51"/>
      <c r="C28" s="51"/>
      <c r="D28" s="51"/>
      <c r="E28" s="51"/>
      <c r="F28" s="51"/>
      <c r="G28" s="51"/>
      <c r="H28" s="51"/>
      <c r="I28" s="51"/>
      <c r="J28" s="51"/>
      <c r="K28" s="51"/>
      <c r="L28" s="51"/>
      <c r="M28" s="51"/>
      <c r="N28" s="51"/>
      <c r="O28" s="51"/>
      <c r="P28" s="51"/>
      <c r="Q28" s="51"/>
      <c r="R28" s="51"/>
      <c r="S28" s="51"/>
      <c r="T28" s="51"/>
      <c r="U28" s="51"/>
      <c r="V28" s="51"/>
      <c r="W28" s="51"/>
      <c r="X28" s="51"/>
      <c r="Y28" s="51"/>
      <c r="Z28" s="51"/>
      <c r="AA28" s="51"/>
      <c r="AB28" s="51"/>
      <c r="AC28" s="51"/>
      <c r="AD28" s="51"/>
    </row>
    <row r="29" spans="1:30" ht="14.4" customHeight="1" x14ac:dyDescent="0.45">
      <c r="A29" s="70" t="s">
        <v>61</v>
      </c>
      <c r="B29" s="70"/>
      <c r="C29" s="70"/>
      <c r="D29" s="70"/>
      <c r="E29" s="70"/>
      <c r="F29" s="70"/>
      <c r="G29" s="70"/>
      <c r="H29" s="70"/>
      <c r="I29" s="70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  <c r="V29" s="70"/>
      <c r="W29" s="70"/>
      <c r="X29" s="70"/>
      <c r="Y29" s="70"/>
      <c r="Z29" s="70"/>
      <c r="AA29" s="70"/>
      <c r="AB29" s="70"/>
      <c r="AC29" s="70"/>
      <c r="AD29" s="70"/>
    </row>
    <row r="30" spans="1:30" ht="14.4" customHeight="1" thickBot="1" x14ac:dyDescent="0.5">
      <c r="A30" s="52" t="s">
        <v>56</v>
      </c>
      <c r="B30" s="52"/>
      <c r="C30" s="52"/>
      <c r="D30" s="52"/>
      <c r="E30" s="52"/>
      <c r="F30" s="52"/>
      <c r="G30" s="52"/>
      <c r="H30" s="52"/>
      <c r="I30" s="52"/>
      <c r="J30" s="52"/>
      <c r="K30" s="52"/>
      <c r="L30" s="52"/>
      <c r="M30" s="52"/>
      <c r="N30" s="52"/>
      <c r="O30" s="52"/>
      <c r="P30" s="52"/>
      <c r="Q30" s="52"/>
      <c r="R30" s="52"/>
      <c r="S30" s="52"/>
      <c r="T30" s="52"/>
      <c r="U30" s="52"/>
      <c r="V30" s="52"/>
      <c r="W30" s="52"/>
      <c r="X30" s="52"/>
      <c r="Y30" s="52"/>
      <c r="Z30" s="52"/>
      <c r="AA30" s="52"/>
      <c r="AB30" s="52"/>
      <c r="AC30" s="52"/>
      <c r="AD30" s="52"/>
    </row>
    <row r="31" spans="1:30" ht="16.2" customHeight="1" x14ac:dyDescent="0.45">
      <c r="A31" s="81" t="s">
        <v>50</v>
      </c>
      <c r="B31" s="82"/>
      <c r="C31" s="82"/>
      <c r="D31" s="82"/>
      <c r="E31" s="82"/>
      <c r="F31" s="82"/>
      <c r="G31" s="82"/>
      <c r="H31" s="82"/>
      <c r="I31" s="82"/>
      <c r="J31" s="82"/>
      <c r="K31" s="82"/>
      <c r="L31" s="82"/>
      <c r="M31" s="82"/>
      <c r="N31" s="82"/>
      <c r="O31" s="83"/>
      <c r="P31" s="81" t="s">
        <v>51</v>
      </c>
      <c r="Q31" s="82"/>
      <c r="R31" s="82"/>
      <c r="S31" s="82"/>
      <c r="T31" s="82"/>
      <c r="U31" s="82"/>
      <c r="V31" s="82"/>
      <c r="W31" s="82"/>
      <c r="X31" s="82"/>
      <c r="Y31" s="82"/>
      <c r="Z31" s="82"/>
      <c r="AA31" s="82"/>
      <c r="AB31" s="82"/>
      <c r="AC31" s="82"/>
      <c r="AD31" s="83"/>
    </row>
    <row r="32" spans="1:30" x14ac:dyDescent="0.45">
      <c r="A32" s="15" t="s">
        <v>34</v>
      </c>
      <c r="B32" s="50" t="s">
        <v>35</v>
      </c>
      <c r="C32" s="50"/>
      <c r="D32" s="50"/>
      <c r="E32" s="68" t="s">
        <v>16</v>
      </c>
      <c r="F32" s="68"/>
      <c r="G32" s="68"/>
      <c r="H32" s="68"/>
      <c r="I32" s="68"/>
      <c r="J32" s="68" t="s">
        <v>17</v>
      </c>
      <c r="K32" s="68"/>
      <c r="L32" s="68"/>
      <c r="M32" s="68" t="s">
        <v>18</v>
      </c>
      <c r="N32" s="68"/>
      <c r="O32" s="69"/>
      <c r="P32" s="15" t="s">
        <v>34</v>
      </c>
      <c r="Q32" s="50" t="s">
        <v>35</v>
      </c>
      <c r="R32" s="50"/>
      <c r="S32" s="50"/>
      <c r="T32" s="68" t="s">
        <v>16</v>
      </c>
      <c r="U32" s="68"/>
      <c r="V32" s="68"/>
      <c r="W32" s="68"/>
      <c r="X32" s="68"/>
      <c r="Y32" s="68" t="s">
        <v>17</v>
      </c>
      <c r="Z32" s="68"/>
      <c r="AA32" s="68"/>
      <c r="AB32" s="68" t="s">
        <v>18</v>
      </c>
      <c r="AC32" s="68"/>
      <c r="AD32" s="69"/>
    </row>
    <row r="33" spans="1:30" ht="19.95" customHeight="1" x14ac:dyDescent="0.45">
      <c r="A33" s="13">
        <v>1</v>
      </c>
      <c r="B33" s="50"/>
      <c r="C33" s="50"/>
      <c r="D33" s="16" t="s">
        <v>52</v>
      </c>
      <c r="E33" s="71"/>
      <c r="F33" s="71"/>
      <c r="G33" s="71"/>
      <c r="H33" s="71"/>
      <c r="I33" s="71"/>
      <c r="J33" s="68"/>
      <c r="K33" s="68"/>
      <c r="L33" s="8" t="s">
        <v>26</v>
      </c>
      <c r="M33" s="55"/>
      <c r="N33" s="56"/>
      <c r="O33" s="9" t="s">
        <v>27</v>
      </c>
      <c r="P33" s="13">
        <v>1</v>
      </c>
      <c r="Q33" s="50"/>
      <c r="R33" s="50"/>
      <c r="S33" s="16" t="s">
        <v>52</v>
      </c>
      <c r="T33" s="71"/>
      <c r="U33" s="71"/>
      <c r="V33" s="71"/>
      <c r="W33" s="71"/>
      <c r="X33" s="71"/>
      <c r="Y33" s="68"/>
      <c r="Z33" s="68"/>
      <c r="AA33" s="8" t="s">
        <v>26</v>
      </c>
      <c r="AB33" s="55"/>
      <c r="AC33" s="56"/>
      <c r="AD33" s="9" t="s">
        <v>27</v>
      </c>
    </row>
    <row r="34" spans="1:30" ht="19.95" customHeight="1" x14ac:dyDescent="0.45">
      <c r="A34" s="13">
        <v>2</v>
      </c>
      <c r="B34" s="50"/>
      <c r="C34" s="50"/>
      <c r="D34" s="16" t="s">
        <v>52</v>
      </c>
      <c r="E34" s="71"/>
      <c r="F34" s="71"/>
      <c r="G34" s="71"/>
      <c r="H34" s="71"/>
      <c r="I34" s="71"/>
      <c r="J34" s="68"/>
      <c r="K34" s="68"/>
      <c r="L34" s="8" t="s">
        <v>26</v>
      </c>
      <c r="M34" s="55"/>
      <c r="N34" s="56"/>
      <c r="O34" s="9" t="s">
        <v>27</v>
      </c>
      <c r="P34" s="13">
        <v>2</v>
      </c>
      <c r="Q34" s="50"/>
      <c r="R34" s="50"/>
      <c r="S34" s="16" t="s">
        <v>52</v>
      </c>
      <c r="T34" s="71"/>
      <c r="U34" s="71"/>
      <c r="V34" s="71"/>
      <c r="W34" s="71"/>
      <c r="X34" s="71"/>
      <c r="Y34" s="68"/>
      <c r="Z34" s="68"/>
      <c r="AA34" s="8" t="s">
        <v>26</v>
      </c>
      <c r="AB34" s="55"/>
      <c r="AC34" s="56"/>
      <c r="AD34" s="9" t="s">
        <v>27</v>
      </c>
    </row>
    <row r="35" spans="1:30" ht="19.95" customHeight="1" x14ac:dyDescent="0.45">
      <c r="A35" s="13">
        <v>3</v>
      </c>
      <c r="B35" s="50"/>
      <c r="C35" s="50"/>
      <c r="D35" s="16" t="s">
        <v>52</v>
      </c>
      <c r="E35" s="71"/>
      <c r="F35" s="71"/>
      <c r="G35" s="71"/>
      <c r="H35" s="71"/>
      <c r="I35" s="71"/>
      <c r="J35" s="68"/>
      <c r="K35" s="68"/>
      <c r="L35" s="8" t="s">
        <v>26</v>
      </c>
      <c r="M35" s="55"/>
      <c r="N35" s="56"/>
      <c r="O35" s="9" t="s">
        <v>27</v>
      </c>
      <c r="P35" s="13">
        <v>3</v>
      </c>
      <c r="Q35" s="50"/>
      <c r="R35" s="50"/>
      <c r="S35" s="16" t="s">
        <v>52</v>
      </c>
      <c r="T35" s="71"/>
      <c r="U35" s="71"/>
      <c r="V35" s="71"/>
      <c r="W35" s="71"/>
      <c r="X35" s="71"/>
      <c r="Y35" s="68"/>
      <c r="Z35" s="68"/>
      <c r="AA35" s="8" t="s">
        <v>26</v>
      </c>
      <c r="AB35" s="55"/>
      <c r="AC35" s="56"/>
      <c r="AD35" s="9" t="s">
        <v>27</v>
      </c>
    </row>
    <row r="36" spans="1:30" ht="19.95" customHeight="1" x14ac:dyDescent="0.45">
      <c r="A36" s="13">
        <v>4</v>
      </c>
      <c r="B36" s="50"/>
      <c r="C36" s="50"/>
      <c r="D36" s="16" t="s">
        <v>52</v>
      </c>
      <c r="E36" s="71"/>
      <c r="F36" s="71"/>
      <c r="G36" s="71"/>
      <c r="H36" s="71"/>
      <c r="I36" s="71"/>
      <c r="J36" s="68"/>
      <c r="K36" s="68"/>
      <c r="L36" s="8" t="s">
        <v>26</v>
      </c>
      <c r="M36" s="55"/>
      <c r="N36" s="56"/>
      <c r="O36" s="9" t="s">
        <v>27</v>
      </c>
      <c r="P36" s="13">
        <v>4</v>
      </c>
      <c r="Q36" s="50"/>
      <c r="R36" s="50"/>
      <c r="S36" s="16" t="s">
        <v>52</v>
      </c>
      <c r="T36" s="71"/>
      <c r="U36" s="71"/>
      <c r="V36" s="71"/>
      <c r="W36" s="71"/>
      <c r="X36" s="71"/>
      <c r="Y36" s="68"/>
      <c r="Z36" s="68"/>
      <c r="AA36" s="8" t="s">
        <v>26</v>
      </c>
      <c r="AB36" s="55"/>
      <c r="AC36" s="56"/>
      <c r="AD36" s="9" t="s">
        <v>27</v>
      </c>
    </row>
    <row r="37" spans="1:30" ht="19.95" customHeight="1" x14ac:dyDescent="0.45">
      <c r="A37" s="13">
        <v>5</v>
      </c>
      <c r="B37" s="50"/>
      <c r="C37" s="50"/>
      <c r="D37" s="16" t="s">
        <v>52</v>
      </c>
      <c r="E37" s="71"/>
      <c r="F37" s="71"/>
      <c r="G37" s="71"/>
      <c r="H37" s="71"/>
      <c r="I37" s="71"/>
      <c r="J37" s="68"/>
      <c r="K37" s="68"/>
      <c r="L37" s="8" t="s">
        <v>26</v>
      </c>
      <c r="M37" s="55"/>
      <c r="N37" s="56"/>
      <c r="O37" s="9" t="s">
        <v>27</v>
      </c>
      <c r="P37" s="13">
        <v>5</v>
      </c>
      <c r="Q37" s="50"/>
      <c r="R37" s="50"/>
      <c r="S37" s="16" t="s">
        <v>52</v>
      </c>
      <c r="T37" s="71"/>
      <c r="U37" s="71"/>
      <c r="V37" s="71"/>
      <c r="W37" s="71"/>
      <c r="X37" s="71"/>
      <c r="Y37" s="68"/>
      <c r="Z37" s="68"/>
      <c r="AA37" s="8" t="s">
        <v>26</v>
      </c>
      <c r="AB37" s="55"/>
      <c r="AC37" s="56"/>
      <c r="AD37" s="9" t="s">
        <v>27</v>
      </c>
    </row>
    <row r="38" spans="1:30" ht="19.95" customHeight="1" x14ac:dyDescent="0.45">
      <c r="A38" s="13">
        <v>6</v>
      </c>
      <c r="B38" s="50"/>
      <c r="C38" s="50"/>
      <c r="D38" s="16" t="s">
        <v>52</v>
      </c>
      <c r="E38" s="71"/>
      <c r="F38" s="71"/>
      <c r="G38" s="71"/>
      <c r="H38" s="71"/>
      <c r="I38" s="71"/>
      <c r="J38" s="68"/>
      <c r="K38" s="68"/>
      <c r="L38" s="8" t="s">
        <v>26</v>
      </c>
      <c r="M38" s="55"/>
      <c r="N38" s="56"/>
      <c r="O38" s="9" t="s">
        <v>27</v>
      </c>
      <c r="P38" s="13">
        <v>6</v>
      </c>
      <c r="Q38" s="50"/>
      <c r="R38" s="50"/>
      <c r="S38" s="16" t="s">
        <v>52</v>
      </c>
      <c r="T38" s="71"/>
      <c r="U38" s="71"/>
      <c r="V38" s="71"/>
      <c r="W38" s="71"/>
      <c r="X38" s="71"/>
      <c r="Y38" s="68"/>
      <c r="Z38" s="68"/>
      <c r="AA38" s="8" t="s">
        <v>26</v>
      </c>
      <c r="AB38" s="55"/>
      <c r="AC38" s="56"/>
      <c r="AD38" s="9" t="s">
        <v>27</v>
      </c>
    </row>
    <row r="39" spans="1:30" ht="19.95" customHeight="1" x14ac:dyDescent="0.45">
      <c r="A39" s="13">
        <v>7</v>
      </c>
      <c r="B39" s="50"/>
      <c r="C39" s="50"/>
      <c r="D39" s="16" t="s">
        <v>52</v>
      </c>
      <c r="E39" s="71"/>
      <c r="F39" s="71"/>
      <c r="G39" s="71"/>
      <c r="H39" s="71"/>
      <c r="I39" s="71"/>
      <c r="J39" s="68"/>
      <c r="K39" s="68"/>
      <c r="L39" s="8" t="s">
        <v>26</v>
      </c>
      <c r="M39" s="55"/>
      <c r="N39" s="56"/>
      <c r="O39" s="9" t="s">
        <v>27</v>
      </c>
      <c r="P39" s="13">
        <v>7</v>
      </c>
      <c r="Q39" s="50"/>
      <c r="R39" s="50"/>
      <c r="S39" s="16" t="s">
        <v>52</v>
      </c>
      <c r="T39" s="71"/>
      <c r="U39" s="71"/>
      <c r="V39" s="71"/>
      <c r="W39" s="71"/>
      <c r="X39" s="71"/>
      <c r="Y39" s="68"/>
      <c r="Z39" s="68"/>
      <c r="AA39" s="8" t="s">
        <v>26</v>
      </c>
      <c r="AB39" s="55"/>
      <c r="AC39" s="56"/>
      <c r="AD39" s="9" t="s">
        <v>27</v>
      </c>
    </row>
    <row r="40" spans="1:30" ht="19.95" customHeight="1" x14ac:dyDescent="0.45">
      <c r="A40" s="13">
        <v>8</v>
      </c>
      <c r="B40" s="50"/>
      <c r="C40" s="50"/>
      <c r="D40" s="16" t="s">
        <v>52</v>
      </c>
      <c r="E40" s="71"/>
      <c r="F40" s="71"/>
      <c r="G40" s="71"/>
      <c r="H40" s="71"/>
      <c r="I40" s="71"/>
      <c r="J40" s="68"/>
      <c r="K40" s="68"/>
      <c r="L40" s="8" t="s">
        <v>26</v>
      </c>
      <c r="M40" s="55"/>
      <c r="N40" s="56"/>
      <c r="O40" s="9" t="s">
        <v>27</v>
      </c>
      <c r="P40" s="13">
        <v>8</v>
      </c>
      <c r="Q40" s="50"/>
      <c r="R40" s="50"/>
      <c r="S40" s="16" t="s">
        <v>52</v>
      </c>
      <c r="T40" s="71"/>
      <c r="U40" s="71"/>
      <c r="V40" s="71"/>
      <c r="W40" s="71"/>
      <c r="X40" s="71"/>
      <c r="Y40" s="68"/>
      <c r="Z40" s="68"/>
      <c r="AA40" s="8" t="s">
        <v>26</v>
      </c>
      <c r="AB40" s="55"/>
      <c r="AC40" s="56"/>
      <c r="AD40" s="9" t="s">
        <v>27</v>
      </c>
    </row>
    <row r="41" spans="1:30" ht="19.95" customHeight="1" x14ac:dyDescent="0.45">
      <c r="A41" s="13">
        <v>9</v>
      </c>
      <c r="B41" s="50"/>
      <c r="C41" s="50"/>
      <c r="D41" s="16" t="s">
        <v>52</v>
      </c>
      <c r="E41" s="71"/>
      <c r="F41" s="71"/>
      <c r="G41" s="71"/>
      <c r="H41" s="71"/>
      <c r="I41" s="71"/>
      <c r="J41" s="68"/>
      <c r="K41" s="68"/>
      <c r="L41" s="8" t="s">
        <v>26</v>
      </c>
      <c r="M41" s="55"/>
      <c r="N41" s="56"/>
      <c r="O41" s="9" t="s">
        <v>27</v>
      </c>
      <c r="P41" s="13">
        <v>9</v>
      </c>
      <c r="Q41" s="50"/>
      <c r="R41" s="50"/>
      <c r="S41" s="16" t="s">
        <v>52</v>
      </c>
      <c r="T41" s="71"/>
      <c r="U41" s="71"/>
      <c r="V41" s="71"/>
      <c r="W41" s="71"/>
      <c r="X41" s="71"/>
      <c r="Y41" s="68"/>
      <c r="Z41" s="68"/>
      <c r="AA41" s="8" t="s">
        <v>26</v>
      </c>
      <c r="AB41" s="55"/>
      <c r="AC41" s="56"/>
      <c r="AD41" s="9" t="s">
        <v>27</v>
      </c>
    </row>
    <row r="42" spans="1:30" ht="19.95" customHeight="1" thickBot="1" x14ac:dyDescent="0.5">
      <c r="A42" s="14">
        <v>10</v>
      </c>
      <c r="B42" s="54"/>
      <c r="C42" s="54"/>
      <c r="D42" s="17" t="s">
        <v>52</v>
      </c>
      <c r="E42" s="76"/>
      <c r="F42" s="76"/>
      <c r="G42" s="76"/>
      <c r="H42" s="76"/>
      <c r="I42" s="76"/>
      <c r="J42" s="75"/>
      <c r="K42" s="75"/>
      <c r="L42" s="10" t="s">
        <v>26</v>
      </c>
      <c r="M42" s="79"/>
      <c r="N42" s="80"/>
      <c r="O42" s="12" t="s">
        <v>27</v>
      </c>
      <c r="P42" s="14">
        <v>10</v>
      </c>
      <c r="Q42" s="54"/>
      <c r="R42" s="54"/>
      <c r="S42" s="17" t="s">
        <v>52</v>
      </c>
      <c r="T42" s="76"/>
      <c r="U42" s="76"/>
      <c r="V42" s="76"/>
      <c r="W42" s="76"/>
      <c r="X42" s="76"/>
      <c r="Y42" s="75"/>
      <c r="Z42" s="75"/>
      <c r="AA42" s="10" t="s">
        <v>26</v>
      </c>
      <c r="AB42" s="79"/>
      <c r="AC42" s="80"/>
      <c r="AD42" s="12" t="s">
        <v>27</v>
      </c>
    </row>
    <row r="43" spans="1:30" ht="18" x14ac:dyDescent="0.45">
      <c r="A43" s="2" t="s">
        <v>54</v>
      </c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</row>
    <row r="44" spans="1:30" ht="18" x14ac:dyDescent="0.45">
      <c r="A44" s="37" t="s">
        <v>36</v>
      </c>
      <c r="B44" s="37"/>
      <c r="C44" s="37"/>
      <c r="D44" s="37"/>
      <c r="E44" s="37"/>
      <c r="F44" s="37"/>
      <c r="G44" s="37"/>
      <c r="H44" s="37"/>
      <c r="I44" s="37"/>
      <c r="J44" s="37"/>
      <c r="K44" s="37"/>
      <c r="L44" s="37"/>
      <c r="M44" s="37"/>
      <c r="N44" s="37"/>
      <c r="O44" s="37"/>
      <c r="P44" s="37"/>
      <c r="Q44" s="37"/>
      <c r="R44" s="37"/>
      <c r="S44" s="37"/>
      <c r="T44" s="37"/>
      <c r="U44" s="37"/>
      <c r="V44" s="37"/>
      <c r="W44" s="37"/>
      <c r="X44" s="37"/>
      <c r="Y44" s="37"/>
      <c r="Z44" s="37"/>
      <c r="AA44" s="37"/>
      <c r="AB44" s="37"/>
      <c r="AC44" s="37"/>
    </row>
    <row r="45" spans="1:30" ht="18" x14ac:dyDescent="0.45">
      <c r="A45" s="37" t="s">
        <v>37</v>
      </c>
      <c r="B45" s="37"/>
      <c r="C45" s="37"/>
      <c r="D45" s="37"/>
      <c r="E45" s="37"/>
      <c r="F45" s="37"/>
      <c r="G45" s="37"/>
      <c r="H45" s="37"/>
      <c r="I45" s="37"/>
      <c r="J45" s="37"/>
      <c r="K45" s="37"/>
      <c r="L45" s="37"/>
      <c r="M45" s="37"/>
      <c r="N45" s="37"/>
      <c r="O45" s="37"/>
      <c r="P45" s="37"/>
      <c r="Q45" s="37"/>
      <c r="R45" s="37"/>
      <c r="S45" s="37"/>
      <c r="T45" s="37"/>
      <c r="U45" s="37"/>
      <c r="V45" s="37"/>
      <c r="W45" s="37"/>
      <c r="X45" s="37"/>
      <c r="Y45" s="37"/>
      <c r="Z45" s="37"/>
      <c r="AA45" s="37"/>
      <c r="AB45" s="37"/>
      <c r="AC45" s="37"/>
    </row>
    <row r="46" spans="1:30" ht="8.4" customHeight="1" x14ac:dyDescent="0.45"/>
    <row r="47" spans="1:30" s="2" customFormat="1" ht="26.4" customHeight="1" x14ac:dyDescent="0.45">
      <c r="A47" s="77" t="s">
        <v>38</v>
      </c>
      <c r="B47" s="77"/>
      <c r="C47" s="77"/>
      <c r="D47" s="20" t="s">
        <v>32</v>
      </c>
      <c r="E47" s="77"/>
      <c r="F47" s="77"/>
      <c r="G47" s="2" t="s">
        <v>33</v>
      </c>
      <c r="H47" s="2" t="s">
        <v>44</v>
      </c>
      <c r="I47" s="2" t="s">
        <v>39</v>
      </c>
      <c r="J47" s="77">
        <v>100</v>
      </c>
      <c r="K47" s="77"/>
      <c r="L47" s="2" t="s">
        <v>40</v>
      </c>
      <c r="M47" s="2" t="s">
        <v>41</v>
      </c>
      <c r="N47" s="20" t="s">
        <v>42</v>
      </c>
      <c r="O47" s="77">
        <f>E47*100</f>
        <v>0</v>
      </c>
      <c r="P47" s="77"/>
      <c r="Q47" s="77"/>
      <c r="R47" s="2" t="s">
        <v>43</v>
      </c>
      <c r="S47" s="2" t="s">
        <v>40</v>
      </c>
      <c r="T47" s="19"/>
      <c r="U47" s="19"/>
      <c r="V47" s="19"/>
      <c r="W47" s="19"/>
      <c r="X47" s="19"/>
      <c r="Y47" s="19"/>
      <c r="Z47" s="19"/>
      <c r="AA47" s="19"/>
      <c r="AB47" s="19"/>
      <c r="AC47" s="19"/>
    </row>
    <row r="48" spans="1:30" customFormat="1" ht="21.75" customHeight="1" x14ac:dyDescent="0.45">
      <c r="A48" s="24" t="s">
        <v>62</v>
      </c>
      <c r="D48" s="25"/>
      <c r="E48" s="25"/>
      <c r="F48" s="25"/>
      <c r="G48" s="25"/>
      <c r="I48" s="25"/>
      <c r="J48" s="25"/>
      <c r="K48" s="25"/>
      <c r="L48" s="25"/>
      <c r="M48" s="25"/>
      <c r="N48" s="25"/>
      <c r="O48" s="25"/>
      <c r="P48" s="25"/>
    </row>
    <row r="49" spans="1:29" customFormat="1" ht="21.75" customHeight="1" x14ac:dyDescent="0.45">
      <c r="A49" s="84" t="s">
        <v>64</v>
      </c>
      <c r="B49" s="85"/>
      <c r="C49" s="85"/>
      <c r="D49" s="86"/>
      <c r="E49" s="86"/>
      <c r="F49" s="86"/>
      <c r="G49" s="86"/>
      <c r="H49" s="85"/>
      <c r="I49" s="86"/>
      <c r="J49" s="86"/>
      <c r="K49" s="86"/>
      <c r="L49" s="86"/>
      <c r="M49" s="86"/>
      <c r="N49" s="86"/>
      <c r="O49" s="86"/>
      <c r="P49" s="86"/>
      <c r="Q49" s="85"/>
      <c r="R49" s="85"/>
      <c r="S49" s="85"/>
      <c r="T49" s="85"/>
      <c r="U49" s="85"/>
      <c r="V49" s="85"/>
      <c r="W49" s="85"/>
      <c r="X49" s="85"/>
      <c r="Y49" s="85"/>
      <c r="Z49" s="85"/>
      <c r="AA49" s="85"/>
      <c r="AB49" s="85"/>
      <c r="AC49" s="85"/>
    </row>
    <row r="50" spans="1:29" s="26" customFormat="1" ht="21.6" customHeight="1" x14ac:dyDescent="0.45">
      <c r="A50" s="84" t="s">
        <v>63</v>
      </c>
      <c r="D50" s="27"/>
      <c r="E50" s="27"/>
      <c r="F50" s="27"/>
      <c r="G50" s="27"/>
      <c r="I50" s="27"/>
      <c r="J50" s="27"/>
      <c r="K50" s="27"/>
      <c r="L50" s="27"/>
      <c r="M50" s="27"/>
      <c r="N50" s="27"/>
      <c r="O50" s="27"/>
      <c r="P50" s="27"/>
    </row>
    <row r="55" spans="1:29" x14ac:dyDescent="0.45">
      <c r="C55" s="1" t="s">
        <v>28</v>
      </c>
    </row>
    <row r="56" spans="1:29" x14ac:dyDescent="0.45">
      <c r="C56" s="1" t="s">
        <v>29</v>
      </c>
    </row>
    <row r="57" spans="1:29" x14ac:dyDescent="0.45">
      <c r="C57" s="1" t="s">
        <v>30</v>
      </c>
    </row>
  </sheetData>
  <mergeCells count="197">
    <mergeCell ref="M37:N37"/>
    <mergeCell ref="Q41:R41"/>
    <mergeCell ref="T41:X41"/>
    <mergeCell ref="E47:F47"/>
    <mergeCell ref="J47:K47"/>
    <mergeCell ref="O47:Q47"/>
    <mergeCell ref="AB37:AC37"/>
    <mergeCell ref="AB38:AC38"/>
    <mergeCell ref="AB39:AC39"/>
    <mergeCell ref="M38:N38"/>
    <mergeCell ref="M39:N39"/>
    <mergeCell ref="M40:N40"/>
    <mergeCell ref="M41:N41"/>
    <mergeCell ref="M42:N42"/>
    <mergeCell ref="Y41:Z41"/>
    <mergeCell ref="Q42:R42"/>
    <mergeCell ref="T42:X42"/>
    <mergeCell ref="Y42:Z42"/>
    <mergeCell ref="Q39:R39"/>
    <mergeCell ref="T39:X39"/>
    <mergeCell ref="Y39:Z39"/>
    <mergeCell ref="Q40:R40"/>
    <mergeCell ref="T40:X40"/>
    <mergeCell ref="Y40:Z40"/>
    <mergeCell ref="A1:AD2"/>
    <mergeCell ref="R10:T11"/>
    <mergeCell ref="U10:AD11"/>
    <mergeCell ref="A47:C47"/>
    <mergeCell ref="A26:G26"/>
    <mergeCell ref="A10:C11"/>
    <mergeCell ref="D10:J11"/>
    <mergeCell ref="C18:H18"/>
    <mergeCell ref="S18:X18"/>
    <mergeCell ref="S19:X19"/>
    <mergeCell ref="S20:X20"/>
    <mergeCell ref="S21:X21"/>
    <mergeCell ref="C19:H19"/>
    <mergeCell ref="C20:H20"/>
    <mergeCell ref="C21:H21"/>
    <mergeCell ref="C22:H22"/>
    <mergeCell ref="C23:H23"/>
    <mergeCell ref="AB40:AC40"/>
    <mergeCell ref="AB41:AC41"/>
    <mergeCell ref="AB42:AC42"/>
    <mergeCell ref="A31:O31"/>
    <mergeCell ref="P31:AD31"/>
    <mergeCell ref="AB35:AC35"/>
    <mergeCell ref="AB36:AC36"/>
    <mergeCell ref="J38:K38"/>
    <mergeCell ref="J39:K39"/>
    <mergeCell ref="J40:K40"/>
    <mergeCell ref="J41:K41"/>
    <mergeCell ref="AB32:AD32"/>
    <mergeCell ref="Q33:R33"/>
    <mergeCell ref="T33:X33"/>
    <mergeCell ref="Y33:Z33"/>
    <mergeCell ref="Q34:R34"/>
    <mergeCell ref="T34:X34"/>
    <mergeCell ref="Y34:Z34"/>
    <mergeCell ref="AB33:AC33"/>
    <mergeCell ref="AB34:AC34"/>
    <mergeCell ref="Q37:R37"/>
    <mergeCell ref="T37:X37"/>
    <mergeCell ref="Y37:Z37"/>
    <mergeCell ref="Q38:R38"/>
    <mergeCell ref="T38:X38"/>
    <mergeCell ref="Y38:Z38"/>
    <mergeCell ref="Q35:R35"/>
    <mergeCell ref="T35:X35"/>
    <mergeCell ref="Y35:Z35"/>
    <mergeCell ref="Q36:R36"/>
    <mergeCell ref="J32:L32"/>
    <mergeCell ref="J42:K42"/>
    <mergeCell ref="J33:K33"/>
    <mergeCell ref="J34:K34"/>
    <mergeCell ref="J35:K35"/>
    <mergeCell ref="J36:K36"/>
    <mergeCell ref="J37:K37"/>
    <mergeCell ref="B42:C42"/>
    <mergeCell ref="E32:I32"/>
    <mergeCell ref="E33:I33"/>
    <mergeCell ref="E34:I34"/>
    <mergeCell ref="E35:I35"/>
    <mergeCell ref="E36:I36"/>
    <mergeCell ref="E37:I37"/>
    <mergeCell ref="E38:I38"/>
    <mergeCell ref="E39:I39"/>
    <mergeCell ref="E40:I40"/>
    <mergeCell ref="E41:I41"/>
    <mergeCell ref="E42:I42"/>
    <mergeCell ref="B37:C37"/>
    <mergeCell ref="B38:C38"/>
    <mergeCell ref="B39:C39"/>
    <mergeCell ref="B40:C40"/>
    <mergeCell ref="B41:C41"/>
    <mergeCell ref="B36:C36"/>
    <mergeCell ref="Y36:Z36"/>
    <mergeCell ref="A29:AD29"/>
    <mergeCell ref="M33:N33"/>
    <mergeCell ref="M34:N34"/>
    <mergeCell ref="T36:X36"/>
    <mergeCell ref="M36:N36"/>
    <mergeCell ref="Q24:R24"/>
    <mergeCell ref="Y24:Z24"/>
    <mergeCell ref="AB24:AC24"/>
    <mergeCell ref="Q25:R25"/>
    <mergeCell ref="Y25:Z25"/>
    <mergeCell ref="AB25:AC25"/>
    <mergeCell ref="S24:X24"/>
    <mergeCell ref="S25:X25"/>
    <mergeCell ref="C24:H24"/>
    <mergeCell ref="C25:H25"/>
    <mergeCell ref="AB20:AC20"/>
    <mergeCell ref="Q21:R21"/>
    <mergeCell ref="Y21:Z21"/>
    <mergeCell ref="AB21:AC21"/>
    <mergeCell ref="Q22:R22"/>
    <mergeCell ref="B32:D32"/>
    <mergeCell ref="B33:C33"/>
    <mergeCell ref="B34:C34"/>
    <mergeCell ref="B35:C35"/>
    <mergeCell ref="M32:O32"/>
    <mergeCell ref="Q32:S32"/>
    <mergeCell ref="T32:X32"/>
    <mergeCell ref="Y32:AA32"/>
    <mergeCell ref="U12:W13"/>
    <mergeCell ref="I23:J23"/>
    <mergeCell ref="I24:J24"/>
    <mergeCell ref="I25:J25"/>
    <mergeCell ref="L18:N18"/>
    <mergeCell ref="L19:M19"/>
    <mergeCell ref="L20:M20"/>
    <mergeCell ref="L21:M21"/>
    <mergeCell ref="L22:M22"/>
    <mergeCell ref="L23:M23"/>
    <mergeCell ref="L24:M24"/>
    <mergeCell ref="L25:M25"/>
    <mergeCell ref="I18:K18"/>
    <mergeCell ref="I19:J19"/>
    <mergeCell ref="I20:J20"/>
    <mergeCell ref="I21:J21"/>
    <mergeCell ref="I22:J22"/>
    <mergeCell ref="W14:AD15"/>
    <mergeCell ref="J14:O15"/>
    <mergeCell ref="D14:I15"/>
    <mergeCell ref="D12:D13"/>
    <mergeCell ref="Y22:Z22"/>
    <mergeCell ref="AB22:AC22"/>
    <mergeCell ref="Q23:R23"/>
    <mergeCell ref="A18:B18"/>
    <mergeCell ref="A19:B19"/>
    <mergeCell ref="A20:B20"/>
    <mergeCell ref="A21:B21"/>
    <mergeCell ref="A22:B22"/>
    <mergeCell ref="A45:AC45"/>
    <mergeCell ref="A27:AD28"/>
    <mergeCell ref="A30:AD30"/>
    <mergeCell ref="A23:B23"/>
    <mergeCell ref="A24:B24"/>
    <mergeCell ref="A25:B25"/>
    <mergeCell ref="M35:N35"/>
    <mergeCell ref="Y23:Z23"/>
    <mergeCell ref="AB23:AC23"/>
    <mergeCell ref="S22:X22"/>
    <mergeCell ref="S23:X23"/>
    <mergeCell ref="Q18:R18"/>
    <mergeCell ref="Y18:AA18"/>
    <mergeCell ref="AB18:AD18"/>
    <mergeCell ref="Q19:R19"/>
    <mergeCell ref="Y19:Z19"/>
    <mergeCell ref="AB19:AC19"/>
    <mergeCell ref="Q20:R20"/>
    <mergeCell ref="Y20:Z20"/>
    <mergeCell ref="K10:M11"/>
    <mergeCell ref="O10:P11"/>
    <mergeCell ref="N10:N11"/>
    <mergeCell ref="Q10:Q11"/>
    <mergeCell ref="X3:Z3"/>
    <mergeCell ref="A6:AD6"/>
    <mergeCell ref="A7:AD7"/>
    <mergeCell ref="A8:AD8"/>
    <mergeCell ref="A44:AC44"/>
    <mergeCell ref="X12:AB13"/>
    <mergeCell ref="AC12:AD13"/>
    <mergeCell ref="A14:C15"/>
    <mergeCell ref="P14:V15"/>
    <mergeCell ref="L12:M13"/>
    <mergeCell ref="N12:N13"/>
    <mergeCell ref="O12:P13"/>
    <mergeCell ref="Q12:Q13"/>
    <mergeCell ref="R12:T13"/>
    <mergeCell ref="A12:A13"/>
    <mergeCell ref="K12:K13"/>
    <mergeCell ref="B12:C13"/>
    <mergeCell ref="E12:F13"/>
    <mergeCell ref="G12:G13"/>
    <mergeCell ref="H12:J13"/>
  </mergeCells>
  <phoneticPr fontId="1"/>
  <conditionalFormatting sqref="O47">
    <cfRule type="cellIs" dxfId="1" priority="1" operator="equal">
      <formula>0</formula>
    </cfRule>
  </conditionalFormatting>
  <printOptions horizontalCentered="1" verticalCentered="1"/>
  <pageMargins left="0.23622047244094491" right="0.23622047244094491" top="0" bottom="0" header="0.31496062992125984" footer="0.31496062992125984"/>
  <pageSetup paperSize="9" scale="93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</sheetPr>
  <dimension ref="A1:AD54"/>
  <sheetViews>
    <sheetView view="pageBreakPreview" topLeftCell="A19" zoomScale="130" zoomScaleNormal="70" zoomScaleSheetLayoutView="130" workbookViewId="0">
      <selection activeCell="A26" sqref="A26:AD30"/>
    </sheetView>
  </sheetViews>
  <sheetFormatPr defaultColWidth="3" defaultRowHeight="14.4" x14ac:dyDescent="0.45"/>
  <cols>
    <col min="1" max="16384" width="3" style="1"/>
  </cols>
  <sheetData>
    <row r="1" spans="1:30" ht="14.4" customHeight="1" x14ac:dyDescent="0.45">
      <c r="A1" s="77" t="s">
        <v>59</v>
      </c>
      <c r="B1" s="77"/>
      <c r="C1" s="77"/>
      <c r="D1" s="77"/>
      <c r="E1" s="77"/>
      <c r="F1" s="77"/>
      <c r="G1" s="77"/>
      <c r="H1" s="77"/>
      <c r="I1" s="77"/>
      <c r="J1" s="77"/>
      <c r="K1" s="77"/>
      <c r="L1" s="77"/>
      <c r="M1" s="77"/>
      <c r="N1" s="77"/>
      <c r="O1" s="77"/>
      <c r="P1" s="77"/>
      <c r="Q1" s="77"/>
      <c r="R1" s="77"/>
      <c r="S1" s="77"/>
      <c r="T1" s="77"/>
      <c r="U1" s="77"/>
      <c r="V1" s="77"/>
      <c r="W1" s="77"/>
      <c r="X1" s="77"/>
      <c r="Y1" s="77"/>
      <c r="Z1" s="77"/>
      <c r="AA1" s="77"/>
      <c r="AB1" s="77"/>
      <c r="AC1" s="77"/>
      <c r="AD1" s="77"/>
    </row>
    <row r="2" spans="1:30" ht="14.4" customHeight="1" x14ac:dyDescent="0.45">
      <c r="A2" s="77"/>
      <c r="B2" s="77"/>
      <c r="C2" s="77"/>
      <c r="D2" s="77"/>
      <c r="E2" s="77"/>
      <c r="F2" s="77"/>
      <c r="G2" s="77"/>
      <c r="H2" s="77"/>
      <c r="I2" s="77"/>
      <c r="J2" s="77"/>
      <c r="K2" s="77"/>
      <c r="L2" s="77"/>
      <c r="M2" s="77"/>
      <c r="N2" s="77"/>
      <c r="O2" s="77"/>
      <c r="P2" s="77"/>
      <c r="Q2" s="77"/>
      <c r="R2" s="77"/>
      <c r="S2" s="77"/>
      <c r="T2" s="77"/>
      <c r="U2" s="77"/>
      <c r="V2" s="77"/>
      <c r="W2" s="77"/>
      <c r="X2" s="77"/>
      <c r="Y2" s="77"/>
      <c r="Z2" s="77"/>
      <c r="AA2" s="77"/>
      <c r="AB2" s="77"/>
      <c r="AC2" s="77"/>
      <c r="AD2" s="77"/>
    </row>
    <row r="3" spans="1:30" x14ac:dyDescent="0.45">
      <c r="X3" s="35" t="s">
        <v>0</v>
      </c>
      <c r="Y3" s="35"/>
      <c r="Z3" s="35"/>
      <c r="AB3" s="1" t="s">
        <v>1</v>
      </c>
      <c r="AD3" s="1" t="s">
        <v>2</v>
      </c>
    </row>
    <row r="4" spans="1:30" x14ac:dyDescent="0.45">
      <c r="A4" s="1" t="s">
        <v>3</v>
      </c>
    </row>
    <row r="6" spans="1:30" ht="15" x14ac:dyDescent="0.45">
      <c r="A6" s="36" t="s">
        <v>6</v>
      </c>
      <c r="B6" s="36"/>
      <c r="C6" s="36"/>
      <c r="D6" s="36"/>
      <c r="E6" s="36"/>
      <c r="F6" s="36"/>
      <c r="G6" s="36"/>
      <c r="H6" s="36"/>
      <c r="I6" s="36"/>
      <c r="J6" s="36"/>
      <c r="K6" s="36"/>
      <c r="L6" s="36"/>
      <c r="M6" s="36"/>
      <c r="N6" s="36"/>
      <c r="O6" s="36"/>
      <c r="P6" s="36"/>
      <c r="Q6" s="36"/>
      <c r="R6" s="36"/>
      <c r="S6" s="36"/>
      <c r="T6" s="36"/>
      <c r="U6" s="36"/>
      <c r="V6" s="36"/>
      <c r="W6" s="36"/>
      <c r="X6" s="36"/>
      <c r="Y6" s="36"/>
      <c r="Z6" s="36"/>
      <c r="AA6" s="36"/>
      <c r="AB6" s="36"/>
      <c r="AC6" s="36"/>
      <c r="AD6" s="36"/>
    </row>
    <row r="7" spans="1:30" ht="15" x14ac:dyDescent="0.45">
      <c r="A7" s="36" t="s">
        <v>4</v>
      </c>
      <c r="B7" s="36"/>
      <c r="C7" s="36"/>
      <c r="D7" s="36"/>
      <c r="E7" s="36"/>
      <c r="F7" s="36"/>
      <c r="G7" s="36"/>
      <c r="H7" s="36"/>
      <c r="I7" s="36"/>
      <c r="J7" s="36"/>
      <c r="K7" s="36"/>
      <c r="L7" s="36"/>
      <c r="M7" s="36"/>
      <c r="N7" s="36"/>
      <c r="O7" s="36"/>
      <c r="P7" s="36"/>
      <c r="Q7" s="36"/>
      <c r="R7" s="36"/>
      <c r="S7" s="36"/>
      <c r="T7" s="36"/>
      <c r="U7" s="36"/>
      <c r="V7" s="36"/>
      <c r="W7" s="36"/>
      <c r="X7" s="36"/>
      <c r="Y7" s="36"/>
      <c r="Z7" s="36"/>
      <c r="AA7" s="36"/>
      <c r="AB7" s="36"/>
      <c r="AC7" s="36"/>
      <c r="AD7" s="36"/>
    </row>
    <row r="8" spans="1:30" ht="15" x14ac:dyDescent="0.45">
      <c r="A8" s="36" t="s">
        <v>5</v>
      </c>
      <c r="B8" s="36"/>
      <c r="C8" s="36"/>
      <c r="D8" s="36"/>
      <c r="E8" s="36"/>
      <c r="F8" s="36"/>
      <c r="G8" s="36"/>
      <c r="H8" s="36"/>
      <c r="I8" s="36"/>
      <c r="J8" s="36"/>
      <c r="K8" s="36"/>
      <c r="L8" s="36"/>
      <c r="M8" s="36"/>
      <c r="N8" s="36"/>
      <c r="O8" s="36"/>
      <c r="P8" s="36"/>
      <c r="Q8" s="36"/>
      <c r="R8" s="36"/>
      <c r="S8" s="36"/>
      <c r="T8" s="36"/>
      <c r="U8" s="36"/>
      <c r="V8" s="36"/>
      <c r="W8" s="36"/>
      <c r="X8" s="36"/>
      <c r="Y8" s="36"/>
      <c r="Z8" s="36"/>
      <c r="AA8" s="36"/>
      <c r="AB8" s="36"/>
      <c r="AC8" s="36"/>
      <c r="AD8" s="36"/>
    </row>
    <row r="10" spans="1:30" ht="14.4" customHeight="1" x14ac:dyDescent="0.45">
      <c r="A10" s="39" t="s">
        <v>31</v>
      </c>
      <c r="B10" s="40"/>
      <c r="C10" s="41"/>
      <c r="D10" s="40"/>
      <c r="E10" s="40"/>
      <c r="F10" s="40"/>
      <c r="G10" s="40"/>
      <c r="H10" s="40"/>
      <c r="I10" s="40"/>
      <c r="J10" s="41"/>
      <c r="K10" s="28" t="s">
        <v>8</v>
      </c>
      <c r="L10" s="28"/>
      <c r="M10" s="28"/>
      <c r="N10" s="33" t="s">
        <v>9</v>
      </c>
      <c r="O10" s="29"/>
      <c r="P10" s="30"/>
      <c r="Q10" s="30" t="s">
        <v>46</v>
      </c>
      <c r="R10" s="30"/>
      <c r="S10" s="30"/>
      <c r="T10" s="45"/>
      <c r="U10" s="30"/>
      <c r="V10" s="30"/>
      <c r="W10" s="30"/>
      <c r="X10" s="30"/>
      <c r="Y10" s="30"/>
      <c r="Z10" s="30"/>
      <c r="AA10" s="30"/>
      <c r="AB10" s="30"/>
      <c r="AC10" s="30"/>
      <c r="AD10" s="45"/>
    </row>
    <row r="11" spans="1:30" ht="14.4" customHeight="1" x14ac:dyDescent="0.45">
      <c r="A11" s="42"/>
      <c r="B11" s="43"/>
      <c r="C11" s="44"/>
      <c r="D11" s="43"/>
      <c r="E11" s="43"/>
      <c r="F11" s="43"/>
      <c r="G11" s="43"/>
      <c r="H11" s="43"/>
      <c r="I11" s="43"/>
      <c r="J11" s="44"/>
      <c r="K11" s="28"/>
      <c r="L11" s="28"/>
      <c r="M11" s="28"/>
      <c r="N11" s="34"/>
      <c r="O11" s="31"/>
      <c r="P11" s="32"/>
      <c r="Q11" s="32"/>
      <c r="R11" s="32"/>
      <c r="S11" s="32"/>
      <c r="T11" s="46"/>
      <c r="U11" s="32"/>
      <c r="V11" s="32"/>
      <c r="W11" s="32"/>
      <c r="X11" s="32"/>
      <c r="Y11" s="32"/>
      <c r="Z11" s="32"/>
      <c r="AA11" s="32"/>
      <c r="AB11" s="32"/>
      <c r="AC11" s="32"/>
      <c r="AD11" s="46"/>
    </row>
    <row r="12" spans="1:30" ht="14.4" customHeight="1" x14ac:dyDescent="0.45">
      <c r="A12" s="33" t="s">
        <v>11</v>
      </c>
      <c r="B12" s="29"/>
      <c r="C12" s="30"/>
      <c r="D12" s="30" t="s">
        <v>10</v>
      </c>
      <c r="E12" s="30"/>
      <c r="F12" s="30"/>
      <c r="G12" s="30" t="s">
        <v>10</v>
      </c>
      <c r="H12" s="30"/>
      <c r="I12" s="30"/>
      <c r="J12" s="45"/>
      <c r="K12" s="33" t="s">
        <v>12</v>
      </c>
      <c r="L12" s="29"/>
      <c r="M12" s="30"/>
      <c r="N12" s="30" t="s">
        <v>10</v>
      </c>
      <c r="O12" s="30"/>
      <c r="P12" s="30"/>
      <c r="Q12" s="30" t="s">
        <v>10</v>
      </c>
      <c r="R12" s="30"/>
      <c r="S12" s="30"/>
      <c r="T12" s="45"/>
      <c r="U12" s="28" t="s">
        <v>58</v>
      </c>
      <c r="V12" s="28"/>
      <c r="W12" s="28"/>
      <c r="X12" s="38"/>
      <c r="Y12" s="38"/>
      <c r="Z12" s="38"/>
      <c r="AA12" s="38"/>
      <c r="AB12" s="38"/>
      <c r="AC12" s="38" t="s">
        <v>13</v>
      </c>
      <c r="AD12" s="38"/>
    </row>
    <row r="13" spans="1:30" ht="14.4" customHeight="1" x14ac:dyDescent="0.45">
      <c r="A13" s="34"/>
      <c r="B13" s="31"/>
      <c r="C13" s="32"/>
      <c r="D13" s="32"/>
      <c r="E13" s="32"/>
      <c r="F13" s="32"/>
      <c r="G13" s="32"/>
      <c r="H13" s="32"/>
      <c r="I13" s="32"/>
      <c r="J13" s="46"/>
      <c r="K13" s="34"/>
      <c r="L13" s="31"/>
      <c r="M13" s="32"/>
      <c r="N13" s="32"/>
      <c r="O13" s="32"/>
      <c r="P13" s="32"/>
      <c r="Q13" s="32"/>
      <c r="R13" s="32"/>
      <c r="S13" s="32"/>
      <c r="T13" s="46"/>
      <c r="U13" s="28"/>
      <c r="V13" s="28"/>
      <c r="W13" s="28"/>
      <c r="X13" s="38"/>
      <c r="Y13" s="38"/>
      <c r="Z13" s="38"/>
      <c r="AA13" s="38"/>
      <c r="AB13" s="38"/>
      <c r="AC13" s="38"/>
      <c r="AD13" s="38"/>
    </row>
    <row r="14" spans="1:30" ht="14.4" customHeight="1" x14ac:dyDescent="0.45">
      <c r="A14" s="28" t="s">
        <v>14</v>
      </c>
      <c r="B14" s="28"/>
      <c r="C14" s="28"/>
      <c r="D14" s="28"/>
      <c r="E14" s="28"/>
      <c r="F14" s="28"/>
      <c r="G14" s="28"/>
      <c r="H14" s="28"/>
      <c r="I14" s="28"/>
      <c r="J14" s="28"/>
      <c r="K14" s="28"/>
      <c r="L14" s="23"/>
      <c r="M14" s="23"/>
      <c r="N14" s="23"/>
      <c r="O14" s="23"/>
      <c r="P14" s="23"/>
      <c r="Q14" s="23"/>
      <c r="R14" s="23"/>
      <c r="S14" s="23"/>
      <c r="T14" s="23"/>
      <c r="U14" s="23"/>
      <c r="V14" s="23"/>
      <c r="W14" s="23"/>
      <c r="X14" s="23"/>
      <c r="Y14" s="23"/>
      <c r="Z14" s="23"/>
      <c r="AA14" s="23"/>
      <c r="AB14" s="23"/>
      <c r="AC14" s="23"/>
      <c r="AD14" s="23"/>
    </row>
    <row r="15" spans="1:30" ht="18" customHeight="1" x14ac:dyDescent="0.45">
      <c r="A15" s="28"/>
      <c r="B15" s="28"/>
      <c r="C15" s="28"/>
      <c r="D15" s="28"/>
      <c r="E15" s="28"/>
      <c r="F15" s="28"/>
      <c r="G15" s="28"/>
      <c r="H15" s="28"/>
      <c r="I15" s="28"/>
      <c r="J15" s="28"/>
      <c r="K15" s="28"/>
      <c r="L15" s="7"/>
      <c r="M15" s="7"/>
      <c r="N15" s="7"/>
      <c r="O15" s="7"/>
      <c r="P15" s="7"/>
      <c r="Q15" s="7"/>
      <c r="R15" s="7"/>
      <c r="S15" s="7"/>
      <c r="T15" s="7"/>
      <c r="U15" s="7"/>
      <c r="V15" s="7"/>
      <c r="W15" s="7"/>
      <c r="X15" s="7"/>
      <c r="Y15" s="7"/>
      <c r="Z15" s="7"/>
      <c r="AA15" s="7"/>
      <c r="AB15" s="7"/>
      <c r="AC15" s="7"/>
      <c r="AD15" s="7"/>
    </row>
    <row r="16" spans="1:30" ht="18" customHeight="1" x14ac:dyDescent="0.45">
      <c r="A16" s="22"/>
      <c r="B16" s="22"/>
      <c r="C16" s="22"/>
      <c r="D16" s="22"/>
      <c r="E16" s="22"/>
      <c r="F16" s="22"/>
      <c r="G16" s="22"/>
      <c r="H16" s="22"/>
      <c r="I16" s="6"/>
      <c r="J16" s="7"/>
      <c r="K16" s="7"/>
      <c r="L16" s="7"/>
      <c r="M16" s="7"/>
      <c r="N16" s="7"/>
      <c r="O16" s="7"/>
      <c r="P16" s="7"/>
      <c r="Q16" s="7"/>
      <c r="R16" s="7"/>
      <c r="S16" s="7"/>
      <c r="T16" s="7"/>
      <c r="U16" s="7"/>
      <c r="V16" s="7"/>
      <c r="W16" s="7"/>
      <c r="X16" s="7"/>
      <c r="Y16" s="7"/>
      <c r="Z16" s="7"/>
      <c r="AA16" s="7"/>
      <c r="AB16" s="7"/>
      <c r="AC16" s="7"/>
      <c r="AD16" s="7"/>
    </row>
    <row r="17" spans="1:30" s="2" customFormat="1" ht="14.4" customHeight="1" thickBot="1" x14ac:dyDescent="0.5">
      <c r="A17" s="2" t="s">
        <v>57</v>
      </c>
      <c r="D17" s="21"/>
      <c r="E17" s="21"/>
      <c r="F17" s="21"/>
      <c r="I17" s="21"/>
      <c r="K17" s="21"/>
      <c r="L17" s="21"/>
      <c r="M17" s="21"/>
      <c r="N17" s="21"/>
      <c r="O17" s="21"/>
      <c r="Q17" s="2" t="s">
        <v>55</v>
      </c>
      <c r="S17" s="21"/>
      <c r="T17" s="21"/>
      <c r="U17" s="21"/>
      <c r="W17" s="21"/>
      <c r="X17" s="21"/>
      <c r="Y17" s="21"/>
      <c r="Z17" s="21"/>
      <c r="AA17" s="21"/>
      <c r="AB17" s="21"/>
    </row>
    <row r="18" spans="1:30" ht="14.4" customHeight="1" x14ac:dyDescent="0.45">
      <c r="A18" s="47" t="s">
        <v>15</v>
      </c>
      <c r="B18" s="48"/>
      <c r="C18" s="48" t="s">
        <v>16</v>
      </c>
      <c r="D18" s="48"/>
      <c r="E18" s="48"/>
      <c r="F18" s="48"/>
      <c r="G18" s="48"/>
      <c r="H18" s="48"/>
      <c r="I18" s="48" t="s">
        <v>17</v>
      </c>
      <c r="J18" s="48"/>
      <c r="K18" s="48"/>
      <c r="L18" s="48" t="s">
        <v>18</v>
      </c>
      <c r="M18" s="48"/>
      <c r="N18" s="58"/>
      <c r="O18" s="7"/>
      <c r="Q18" s="47" t="s">
        <v>15</v>
      </c>
      <c r="R18" s="48"/>
      <c r="S18" s="48" t="s">
        <v>16</v>
      </c>
      <c r="T18" s="48"/>
      <c r="U18" s="48"/>
      <c r="V18" s="48"/>
      <c r="W18" s="48"/>
      <c r="X18" s="48"/>
      <c r="Y18" s="48" t="s">
        <v>17</v>
      </c>
      <c r="Z18" s="48"/>
      <c r="AA18" s="48"/>
      <c r="AB18" s="48" t="s">
        <v>18</v>
      </c>
      <c r="AC18" s="48"/>
      <c r="AD18" s="58"/>
    </row>
    <row r="19" spans="1:30" ht="19.95" customHeight="1" x14ac:dyDescent="0.45">
      <c r="A19" s="49" t="s">
        <v>19</v>
      </c>
      <c r="B19" s="50"/>
      <c r="C19" s="57"/>
      <c r="D19" s="57"/>
      <c r="E19" s="57"/>
      <c r="F19" s="57"/>
      <c r="G19" s="57"/>
      <c r="H19" s="57"/>
      <c r="I19" s="57"/>
      <c r="J19" s="57"/>
      <c r="K19" s="5" t="s">
        <v>26</v>
      </c>
      <c r="L19" s="57"/>
      <c r="M19" s="57"/>
      <c r="N19" s="9" t="s">
        <v>27</v>
      </c>
      <c r="Q19" s="59" t="s">
        <v>19</v>
      </c>
      <c r="R19" s="60"/>
      <c r="S19" s="57"/>
      <c r="T19" s="57"/>
      <c r="U19" s="57"/>
      <c r="V19" s="57"/>
      <c r="W19" s="57"/>
      <c r="X19" s="57"/>
      <c r="Y19" s="57"/>
      <c r="Z19" s="57"/>
      <c r="AA19" s="5" t="s">
        <v>26</v>
      </c>
      <c r="AB19" s="57"/>
      <c r="AC19" s="57"/>
      <c r="AD19" s="9" t="s">
        <v>27</v>
      </c>
    </row>
    <row r="20" spans="1:30" ht="19.95" customHeight="1" x14ac:dyDescent="0.45">
      <c r="A20" s="49" t="s">
        <v>20</v>
      </c>
      <c r="B20" s="50"/>
      <c r="C20" s="57"/>
      <c r="D20" s="57"/>
      <c r="E20" s="57"/>
      <c r="F20" s="57"/>
      <c r="G20" s="57"/>
      <c r="H20" s="57"/>
      <c r="I20" s="57"/>
      <c r="J20" s="57"/>
      <c r="K20" s="5" t="s">
        <v>26</v>
      </c>
      <c r="L20" s="57"/>
      <c r="M20" s="57"/>
      <c r="N20" s="9" t="s">
        <v>27</v>
      </c>
      <c r="Q20" s="49"/>
      <c r="R20" s="50"/>
      <c r="S20" s="57"/>
      <c r="T20" s="57"/>
      <c r="U20" s="57"/>
      <c r="V20" s="57"/>
      <c r="W20" s="57"/>
      <c r="X20" s="57"/>
      <c r="Y20" s="57"/>
      <c r="Z20" s="57"/>
      <c r="AA20" s="5"/>
      <c r="AB20" s="57"/>
      <c r="AC20" s="57"/>
      <c r="AD20" s="9"/>
    </row>
    <row r="21" spans="1:30" ht="19.95" customHeight="1" x14ac:dyDescent="0.45">
      <c r="A21" s="49" t="s">
        <v>21</v>
      </c>
      <c r="B21" s="50"/>
      <c r="C21" s="57"/>
      <c r="D21" s="57"/>
      <c r="E21" s="57"/>
      <c r="F21" s="57"/>
      <c r="G21" s="57"/>
      <c r="H21" s="57"/>
      <c r="I21" s="57"/>
      <c r="J21" s="57"/>
      <c r="K21" s="5" t="s">
        <v>26</v>
      </c>
      <c r="L21" s="57"/>
      <c r="M21" s="57"/>
      <c r="N21" s="9" t="s">
        <v>27</v>
      </c>
      <c r="Q21" s="59" t="s">
        <v>21</v>
      </c>
      <c r="R21" s="60"/>
      <c r="S21" s="57"/>
      <c r="T21" s="57"/>
      <c r="U21" s="57"/>
      <c r="V21" s="57"/>
      <c r="W21" s="57"/>
      <c r="X21" s="57"/>
      <c r="Y21" s="57"/>
      <c r="Z21" s="57"/>
      <c r="AA21" s="5" t="s">
        <v>26</v>
      </c>
      <c r="AB21" s="57"/>
      <c r="AC21" s="57"/>
      <c r="AD21" s="9" t="s">
        <v>27</v>
      </c>
    </row>
    <row r="22" spans="1:30" ht="19.95" customHeight="1" x14ac:dyDescent="0.45">
      <c r="A22" s="49" t="s">
        <v>22</v>
      </c>
      <c r="B22" s="50"/>
      <c r="C22" s="57"/>
      <c r="D22" s="57"/>
      <c r="E22" s="57"/>
      <c r="F22" s="57"/>
      <c r="G22" s="57"/>
      <c r="H22" s="57"/>
      <c r="I22" s="57"/>
      <c r="J22" s="57"/>
      <c r="K22" s="5" t="s">
        <v>26</v>
      </c>
      <c r="L22" s="57"/>
      <c r="M22" s="57"/>
      <c r="N22" s="9" t="s">
        <v>27</v>
      </c>
      <c r="Q22" s="49"/>
      <c r="R22" s="50"/>
      <c r="S22" s="57"/>
      <c r="T22" s="57"/>
      <c r="U22" s="57"/>
      <c r="V22" s="57"/>
      <c r="W22" s="57"/>
      <c r="X22" s="57"/>
      <c r="Y22" s="57"/>
      <c r="Z22" s="57"/>
      <c r="AA22" s="5"/>
      <c r="AB22" s="57"/>
      <c r="AC22" s="57"/>
      <c r="AD22" s="9"/>
    </row>
    <row r="23" spans="1:30" ht="19.95" customHeight="1" x14ac:dyDescent="0.45">
      <c r="A23" s="49" t="s">
        <v>23</v>
      </c>
      <c r="B23" s="50"/>
      <c r="C23" s="57"/>
      <c r="D23" s="57"/>
      <c r="E23" s="57"/>
      <c r="F23" s="57"/>
      <c r="G23" s="57"/>
      <c r="H23" s="57"/>
      <c r="I23" s="57"/>
      <c r="J23" s="57"/>
      <c r="K23" s="5" t="s">
        <v>26</v>
      </c>
      <c r="L23" s="57"/>
      <c r="M23" s="57"/>
      <c r="N23" s="9" t="s">
        <v>27</v>
      </c>
      <c r="Q23" s="59" t="s">
        <v>23</v>
      </c>
      <c r="R23" s="60"/>
      <c r="S23" s="57"/>
      <c r="T23" s="57"/>
      <c r="U23" s="57"/>
      <c r="V23" s="57"/>
      <c r="W23" s="57"/>
      <c r="X23" s="57"/>
      <c r="Y23" s="57"/>
      <c r="Z23" s="57"/>
      <c r="AA23" s="5" t="s">
        <v>26</v>
      </c>
      <c r="AB23" s="57"/>
      <c r="AC23" s="57"/>
      <c r="AD23" s="9" t="s">
        <v>27</v>
      </c>
    </row>
    <row r="24" spans="1:30" ht="19.95" customHeight="1" x14ac:dyDescent="0.45">
      <c r="A24" s="49" t="s">
        <v>24</v>
      </c>
      <c r="B24" s="50"/>
      <c r="C24" s="57"/>
      <c r="D24" s="57"/>
      <c r="E24" s="57"/>
      <c r="F24" s="57"/>
      <c r="G24" s="57"/>
      <c r="H24" s="57"/>
      <c r="I24" s="57"/>
      <c r="J24" s="57"/>
      <c r="K24" s="5" t="s">
        <v>26</v>
      </c>
      <c r="L24" s="57"/>
      <c r="M24" s="57"/>
      <c r="N24" s="9" t="s">
        <v>27</v>
      </c>
      <c r="Q24" s="72"/>
      <c r="R24" s="68"/>
      <c r="S24" s="57"/>
      <c r="T24" s="57"/>
      <c r="U24" s="57"/>
      <c r="V24" s="57"/>
      <c r="W24" s="57"/>
      <c r="X24" s="57"/>
      <c r="Y24" s="57"/>
      <c r="Z24" s="57"/>
      <c r="AA24" s="5"/>
      <c r="AB24" s="57"/>
      <c r="AC24" s="57"/>
      <c r="AD24" s="9"/>
    </row>
    <row r="25" spans="1:30" ht="19.95" customHeight="1" thickBot="1" x14ac:dyDescent="0.5">
      <c r="A25" s="53" t="s">
        <v>25</v>
      </c>
      <c r="B25" s="54"/>
      <c r="C25" s="61"/>
      <c r="D25" s="61"/>
      <c r="E25" s="61"/>
      <c r="F25" s="61"/>
      <c r="G25" s="61"/>
      <c r="H25" s="61"/>
      <c r="I25" s="61"/>
      <c r="J25" s="61"/>
      <c r="K25" s="11" t="s">
        <v>26</v>
      </c>
      <c r="L25" s="61"/>
      <c r="M25" s="61"/>
      <c r="N25" s="12" t="s">
        <v>27</v>
      </c>
      <c r="Q25" s="73" t="s">
        <v>25</v>
      </c>
      <c r="R25" s="74"/>
      <c r="S25" s="61"/>
      <c r="T25" s="61"/>
      <c r="U25" s="61"/>
      <c r="V25" s="61"/>
      <c r="W25" s="61"/>
      <c r="X25" s="61"/>
      <c r="Y25" s="61"/>
      <c r="Z25" s="61"/>
      <c r="AA25" s="11" t="s">
        <v>26</v>
      </c>
      <c r="AB25" s="61"/>
      <c r="AC25" s="61"/>
      <c r="AD25" s="12" t="s">
        <v>27</v>
      </c>
    </row>
    <row r="26" spans="1:30" ht="14.4" customHeight="1" x14ac:dyDescent="0.45">
      <c r="A26" s="78" t="s">
        <v>53</v>
      </c>
      <c r="B26" s="78"/>
      <c r="C26" s="78"/>
      <c r="D26" s="78"/>
      <c r="E26" s="78"/>
      <c r="F26" s="78"/>
      <c r="G26" s="78"/>
      <c r="H26" s="18"/>
      <c r="I26" s="18"/>
      <c r="J26" s="18"/>
      <c r="K26" s="2"/>
      <c r="L26" s="18"/>
      <c r="M26" s="18"/>
      <c r="N26" s="2"/>
      <c r="O26" s="2"/>
      <c r="P26" s="4"/>
      <c r="Q26" s="4"/>
      <c r="R26" s="18"/>
      <c r="S26" s="18"/>
      <c r="T26" s="18"/>
      <c r="U26" s="18"/>
      <c r="V26" s="18"/>
      <c r="W26" s="18"/>
      <c r="X26" s="18"/>
      <c r="Y26" s="6"/>
      <c r="AA26" s="6"/>
      <c r="AB26" s="6"/>
      <c r="AD26" s="7"/>
    </row>
    <row r="27" spans="1:30" ht="14.4" customHeight="1" x14ac:dyDescent="0.45">
      <c r="A27" s="51" t="s">
        <v>60</v>
      </c>
      <c r="B27" s="51"/>
      <c r="C27" s="51"/>
      <c r="D27" s="51"/>
      <c r="E27" s="51"/>
      <c r="F27" s="51"/>
      <c r="G27" s="51"/>
      <c r="H27" s="51"/>
      <c r="I27" s="51"/>
      <c r="J27" s="51"/>
      <c r="K27" s="51"/>
      <c r="L27" s="51"/>
      <c r="M27" s="51"/>
      <c r="N27" s="51"/>
      <c r="O27" s="51"/>
      <c r="P27" s="51"/>
      <c r="Q27" s="51"/>
      <c r="R27" s="51"/>
      <c r="S27" s="51"/>
      <c r="T27" s="51"/>
      <c r="U27" s="51"/>
      <c r="V27" s="51"/>
      <c r="W27" s="51"/>
      <c r="X27" s="51"/>
      <c r="Y27" s="51"/>
      <c r="Z27" s="51"/>
      <c r="AA27" s="51"/>
      <c r="AB27" s="51"/>
      <c r="AC27" s="51"/>
      <c r="AD27" s="51"/>
    </row>
    <row r="28" spans="1:30" ht="14.4" customHeight="1" x14ac:dyDescent="0.45">
      <c r="A28" s="51"/>
      <c r="B28" s="51"/>
      <c r="C28" s="51"/>
      <c r="D28" s="51"/>
      <c r="E28" s="51"/>
      <c r="F28" s="51"/>
      <c r="G28" s="51"/>
      <c r="H28" s="51"/>
      <c r="I28" s="51"/>
      <c r="J28" s="51"/>
      <c r="K28" s="51"/>
      <c r="L28" s="51"/>
      <c r="M28" s="51"/>
      <c r="N28" s="51"/>
      <c r="O28" s="51"/>
      <c r="P28" s="51"/>
      <c r="Q28" s="51"/>
      <c r="R28" s="51"/>
      <c r="S28" s="51"/>
      <c r="T28" s="51"/>
      <c r="U28" s="51"/>
      <c r="V28" s="51"/>
      <c r="W28" s="51"/>
      <c r="X28" s="51"/>
      <c r="Y28" s="51"/>
      <c r="Z28" s="51"/>
      <c r="AA28" s="51"/>
      <c r="AB28" s="51"/>
      <c r="AC28" s="51"/>
      <c r="AD28" s="51"/>
    </row>
    <row r="29" spans="1:30" ht="14.4" customHeight="1" x14ac:dyDescent="0.45">
      <c r="A29" s="70" t="s">
        <v>61</v>
      </c>
      <c r="B29" s="70"/>
      <c r="C29" s="70"/>
      <c r="D29" s="70"/>
      <c r="E29" s="70"/>
      <c r="F29" s="70"/>
      <c r="G29" s="70"/>
      <c r="H29" s="70"/>
      <c r="I29" s="70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  <c r="V29" s="70"/>
      <c r="W29" s="70"/>
      <c r="X29" s="70"/>
      <c r="Y29" s="70"/>
      <c r="Z29" s="70"/>
      <c r="AA29" s="70"/>
      <c r="AB29" s="70"/>
      <c r="AC29" s="70"/>
      <c r="AD29" s="70"/>
    </row>
    <row r="30" spans="1:30" ht="14.4" customHeight="1" thickBot="1" x14ac:dyDescent="0.5">
      <c r="A30" s="52" t="s">
        <v>56</v>
      </c>
      <c r="B30" s="52"/>
      <c r="C30" s="52"/>
      <c r="D30" s="52"/>
      <c r="E30" s="52"/>
      <c r="F30" s="52"/>
      <c r="G30" s="52"/>
      <c r="H30" s="52"/>
      <c r="I30" s="52"/>
      <c r="J30" s="52"/>
      <c r="K30" s="52"/>
      <c r="L30" s="52"/>
      <c r="M30" s="52"/>
      <c r="N30" s="52"/>
      <c r="O30" s="52"/>
      <c r="P30" s="52"/>
      <c r="Q30" s="52"/>
      <c r="R30" s="52"/>
      <c r="S30" s="52"/>
      <c r="T30" s="52"/>
      <c r="U30" s="52"/>
      <c r="V30" s="52"/>
      <c r="W30" s="52"/>
      <c r="X30" s="52"/>
      <c r="Y30" s="52"/>
      <c r="Z30" s="52"/>
      <c r="AA30" s="52"/>
      <c r="AB30" s="52"/>
      <c r="AC30" s="52"/>
      <c r="AD30" s="52"/>
    </row>
    <row r="31" spans="1:30" ht="16.2" customHeight="1" x14ac:dyDescent="0.45">
      <c r="A31" s="81" t="s">
        <v>50</v>
      </c>
      <c r="B31" s="82"/>
      <c r="C31" s="82"/>
      <c r="D31" s="82"/>
      <c r="E31" s="82"/>
      <c r="F31" s="82"/>
      <c r="G31" s="82"/>
      <c r="H31" s="82"/>
      <c r="I31" s="82"/>
      <c r="J31" s="82"/>
      <c r="K31" s="82"/>
      <c r="L31" s="82"/>
      <c r="M31" s="82"/>
      <c r="N31" s="82"/>
      <c r="O31" s="83"/>
      <c r="P31" s="81" t="s">
        <v>51</v>
      </c>
      <c r="Q31" s="82"/>
      <c r="R31" s="82"/>
      <c r="S31" s="82"/>
      <c r="T31" s="82"/>
      <c r="U31" s="82"/>
      <c r="V31" s="82"/>
      <c r="W31" s="82"/>
      <c r="X31" s="82"/>
      <c r="Y31" s="82"/>
      <c r="Z31" s="82"/>
      <c r="AA31" s="82"/>
      <c r="AB31" s="82"/>
      <c r="AC31" s="82"/>
      <c r="AD31" s="83"/>
    </row>
    <row r="32" spans="1:30" x14ac:dyDescent="0.45">
      <c r="A32" s="15" t="s">
        <v>34</v>
      </c>
      <c r="B32" s="50" t="s">
        <v>35</v>
      </c>
      <c r="C32" s="50"/>
      <c r="D32" s="50"/>
      <c r="E32" s="68" t="s">
        <v>16</v>
      </c>
      <c r="F32" s="68"/>
      <c r="G32" s="68"/>
      <c r="H32" s="68"/>
      <c r="I32" s="68"/>
      <c r="J32" s="68" t="s">
        <v>17</v>
      </c>
      <c r="K32" s="68"/>
      <c r="L32" s="68"/>
      <c r="M32" s="68" t="s">
        <v>18</v>
      </c>
      <c r="N32" s="68"/>
      <c r="O32" s="69"/>
      <c r="P32" s="15" t="s">
        <v>34</v>
      </c>
      <c r="Q32" s="50" t="s">
        <v>35</v>
      </c>
      <c r="R32" s="50"/>
      <c r="S32" s="50"/>
      <c r="T32" s="68" t="s">
        <v>16</v>
      </c>
      <c r="U32" s="68"/>
      <c r="V32" s="68"/>
      <c r="W32" s="68"/>
      <c r="X32" s="68"/>
      <c r="Y32" s="68" t="s">
        <v>17</v>
      </c>
      <c r="Z32" s="68"/>
      <c r="AA32" s="68"/>
      <c r="AB32" s="68" t="s">
        <v>18</v>
      </c>
      <c r="AC32" s="68"/>
      <c r="AD32" s="69"/>
    </row>
    <row r="33" spans="1:30" ht="19.95" customHeight="1" x14ac:dyDescent="0.45">
      <c r="A33" s="13">
        <v>1</v>
      </c>
      <c r="B33" s="50"/>
      <c r="C33" s="50"/>
      <c r="D33" s="16" t="s">
        <v>52</v>
      </c>
      <c r="E33" s="71"/>
      <c r="F33" s="71"/>
      <c r="G33" s="71"/>
      <c r="H33" s="71"/>
      <c r="I33" s="71"/>
      <c r="J33" s="68"/>
      <c r="K33" s="68"/>
      <c r="L33" s="8" t="s">
        <v>26</v>
      </c>
      <c r="M33" s="55"/>
      <c r="N33" s="56"/>
      <c r="O33" s="9" t="s">
        <v>27</v>
      </c>
      <c r="P33" s="13">
        <v>1</v>
      </c>
      <c r="Q33" s="50"/>
      <c r="R33" s="50"/>
      <c r="S33" s="16" t="s">
        <v>52</v>
      </c>
      <c r="T33" s="71"/>
      <c r="U33" s="71"/>
      <c r="V33" s="71"/>
      <c r="W33" s="71"/>
      <c r="X33" s="71"/>
      <c r="Y33" s="68"/>
      <c r="Z33" s="68"/>
      <c r="AA33" s="8" t="s">
        <v>26</v>
      </c>
      <c r="AB33" s="55"/>
      <c r="AC33" s="56"/>
      <c r="AD33" s="9" t="s">
        <v>27</v>
      </c>
    </row>
    <row r="34" spans="1:30" ht="19.95" customHeight="1" x14ac:dyDescent="0.45">
      <c r="A34" s="13">
        <v>2</v>
      </c>
      <c r="B34" s="50"/>
      <c r="C34" s="50"/>
      <c r="D34" s="16" t="s">
        <v>52</v>
      </c>
      <c r="E34" s="71"/>
      <c r="F34" s="71"/>
      <c r="G34" s="71"/>
      <c r="H34" s="71"/>
      <c r="I34" s="71"/>
      <c r="J34" s="68"/>
      <c r="K34" s="68"/>
      <c r="L34" s="8" t="s">
        <v>26</v>
      </c>
      <c r="M34" s="55"/>
      <c r="N34" s="56"/>
      <c r="O34" s="9" t="s">
        <v>27</v>
      </c>
      <c r="P34" s="13">
        <v>2</v>
      </c>
      <c r="Q34" s="50"/>
      <c r="R34" s="50"/>
      <c r="S34" s="16" t="s">
        <v>52</v>
      </c>
      <c r="T34" s="71"/>
      <c r="U34" s="71"/>
      <c r="V34" s="71"/>
      <c r="W34" s="71"/>
      <c r="X34" s="71"/>
      <c r="Y34" s="68"/>
      <c r="Z34" s="68"/>
      <c r="AA34" s="8" t="s">
        <v>26</v>
      </c>
      <c r="AB34" s="55"/>
      <c r="AC34" s="56"/>
      <c r="AD34" s="9" t="s">
        <v>27</v>
      </c>
    </row>
    <row r="35" spans="1:30" ht="19.95" customHeight="1" x14ac:dyDescent="0.45">
      <c r="A35" s="13">
        <v>3</v>
      </c>
      <c r="B35" s="50"/>
      <c r="C35" s="50"/>
      <c r="D35" s="16" t="s">
        <v>52</v>
      </c>
      <c r="E35" s="71"/>
      <c r="F35" s="71"/>
      <c r="G35" s="71"/>
      <c r="H35" s="71"/>
      <c r="I35" s="71"/>
      <c r="J35" s="68"/>
      <c r="K35" s="68"/>
      <c r="L35" s="8" t="s">
        <v>26</v>
      </c>
      <c r="M35" s="55"/>
      <c r="N35" s="56"/>
      <c r="O35" s="9" t="s">
        <v>27</v>
      </c>
      <c r="P35" s="13">
        <v>3</v>
      </c>
      <c r="Q35" s="50"/>
      <c r="R35" s="50"/>
      <c r="S35" s="16" t="s">
        <v>52</v>
      </c>
      <c r="T35" s="71"/>
      <c r="U35" s="71"/>
      <c r="V35" s="71"/>
      <c r="W35" s="71"/>
      <c r="X35" s="71"/>
      <c r="Y35" s="68"/>
      <c r="Z35" s="68"/>
      <c r="AA35" s="8" t="s">
        <v>26</v>
      </c>
      <c r="AB35" s="55"/>
      <c r="AC35" s="56"/>
      <c r="AD35" s="9" t="s">
        <v>27</v>
      </c>
    </row>
    <row r="36" spans="1:30" ht="19.95" customHeight="1" x14ac:dyDescent="0.45">
      <c r="A36" s="13">
        <v>4</v>
      </c>
      <c r="B36" s="50"/>
      <c r="C36" s="50"/>
      <c r="D36" s="16" t="s">
        <v>52</v>
      </c>
      <c r="E36" s="71"/>
      <c r="F36" s="71"/>
      <c r="G36" s="71"/>
      <c r="H36" s="71"/>
      <c r="I36" s="71"/>
      <c r="J36" s="68"/>
      <c r="K36" s="68"/>
      <c r="L36" s="8" t="s">
        <v>26</v>
      </c>
      <c r="M36" s="55"/>
      <c r="N36" s="56"/>
      <c r="O36" s="9" t="s">
        <v>27</v>
      </c>
      <c r="P36" s="13">
        <v>4</v>
      </c>
      <c r="Q36" s="50"/>
      <c r="R36" s="50"/>
      <c r="S36" s="16" t="s">
        <v>52</v>
      </c>
      <c r="T36" s="71"/>
      <c r="U36" s="71"/>
      <c r="V36" s="71"/>
      <c r="W36" s="71"/>
      <c r="X36" s="71"/>
      <c r="Y36" s="68"/>
      <c r="Z36" s="68"/>
      <c r="AA36" s="8" t="s">
        <v>26</v>
      </c>
      <c r="AB36" s="55"/>
      <c r="AC36" s="56"/>
      <c r="AD36" s="9" t="s">
        <v>27</v>
      </c>
    </row>
    <row r="37" spans="1:30" ht="19.95" customHeight="1" x14ac:dyDescent="0.45">
      <c r="A37" s="13">
        <v>5</v>
      </c>
      <c r="B37" s="50"/>
      <c r="C37" s="50"/>
      <c r="D37" s="16" t="s">
        <v>52</v>
      </c>
      <c r="E37" s="71"/>
      <c r="F37" s="71"/>
      <c r="G37" s="71"/>
      <c r="H37" s="71"/>
      <c r="I37" s="71"/>
      <c r="J37" s="68"/>
      <c r="K37" s="68"/>
      <c r="L37" s="8" t="s">
        <v>26</v>
      </c>
      <c r="M37" s="55"/>
      <c r="N37" s="56"/>
      <c r="O37" s="9" t="s">
        <v>27</v>
      </c>
      <c r="P37" s="13">
        <v>5</v>
      </c>
      <c r="Q37" s="50"/>
      <c r="R37" s="50"/>
      <c r="S37" s="16" t="s">
        <v>52</v>
      </c>
      <c r="T37" s="71"/>
      <c r="U37" s="71"/>
      <c r="V37" s="71"/>
      <c r="W37" s="71"/>
      <c r="X37" s="71"/>
      <c r="Y37" s="68"/>
      <c r="Z37" s="68"/>
      <c r="AA37" s="8" t="s">
        <v>26</v>
      </c>
      <c r="AB37" s="55"/>
      <c r="AC37" s="56"/>
      <c r="AD37" s="9" t="s">
        <v>27</v>
      </c>
    </row>
    <row r="38" spans="1:30" ht="19.95" customHeight="1" x14ac:dyDescent="0.45">
      <c r="A38" s="13">
        <v>6</v>
      </c>
      <c r="B38" s="50"/>
      <c r="C38" s="50"/>
      <c r="D38" s="16" t="s">
        <v>52</v>
      </c>
      <c r="E38" s="71"/>
      <c r="F38" s="71"/>
      <c r="G38" s="71"/>
      <c r="H38" s="71"/>
      <c r="I38" s="71"/>
      <c r="J38" s="68"/>
      <c r="K38" s="68"/>
      <c r="L38" s="8" t="s">
        <v>26</v>
      </c>
      <c r="M38" s="55"/>
      <c r="N38" s="56"/>
      <c r="O38" s="9" t="s">
        <v>27</v>
      </c>
      <c r="P38" s="13">
        <v>6</v>
      </c>
      <c r="Q38" s="50"/>
      <c r="R38" s="50"/>
      <c r="S38" s="16" t="s">
        <v>52</v>
      </c>
      <c r="T38" s="71"/>
      <c r="U38" s="71"/>
      <c r="V38" s="71"/>
      <c r="W38" s="71"/>
      <c r="X38" s="71"/>
      <c r="Y38" s="68"/>
      <c r="Z38" s="68"/>
      <c r="AA38" s="8" t="s">
        <v>26</v>
      </c>
      <c r="AB38" s="55"/>
      <c r="AC38" s="56"/>
      <c r="AD38" s="9" t="s">
        <v>27</v>
      </c>
    </row>
    <row r="39" spans="1:30" ht="19.95" customHeight="1" x14ac:dyDescent="0.45">
      <c r="A39" s="13">
        <v>7</v>
      </c>
      <c r="B39" s="50"/>
      <c r="C39" s="50"/>
      <c r="D39" s="16" t="s">
        <v>52</v>
      </c>
      <c r="E39" s="71"/>
      <c r="F39" s="71"/>
      <c r="G39" s="71"/>
      <c r="H39" s="71"/>
      <c r="I39" s="71"/>
      <c r="J39" s="68"/>
      <c r="K39" s="68"/>
      <c r="L39" s="8" t="s">
        <v>26</v>
      </c>
      <c r="M39" s="55"/>
      <c r="N39" s="56"/>
      <c r="O39" s="9" t="s">
        <v>27</v>
      </c>
      <c r="P39" s="13">
        <v>7</v>
      </c>
      <c r="Q39" s="50"/>
      <c r="R39" s="50"/>
      <c r="S39" s="16" t="s">
        <v>52</v>
      </c>
      <c r="T39" s="71"/>
      <c r="U39" s="71"/>
      <c r="V39" s="71"/>
      <c r="W39" s="71"/>
      <c r="X39" s="71"/>
      <c r="Y39" s="68"/>
      <c r="Z39" s="68"/>
      <c r="AA39" s="8" t="s">
        <v>26</v>
      </c>
      <c r="AB39" s="55"/>
      <c r="AC39" s="56"/>
      <c r="AD39" s="9" t="s">
        <v>27</v>
      </c>
    </row>
    <row r="40" spans="1:30" ht="19.95" customHeight="1" x14ac:dyDescent="0.45">
      <c r="A40" s="13">
        <v>8</v>
      </c>
      <c r="B40" s="50"/>
      <c r="C40" s="50"/>
      <c r="D40" s="16" t="s">
        <v>52</v>
      </c>
      <c r="E40" s="71"/>
      <c r="F40" s="71"/>
      <c r="G40" s="71"/>
      <c r="H40" s="71"/>
      <c r="I40" s="71"/>
      <c r="J40" s="68"/>
      <c r="K40" s="68"/>
      <c r="L40" s="8" t="s">
        <v>26</v>
      </c>
      <c r="M40" s="55"/>
      <c r="N40" s="56"/>
      <c r="O40" s="9" t="s">
        <v>27</v>
      </c>
      <c r="P40" s="13">
        <v>8</v>
      </c>
      <c r="Q40" s="50"/>
      <c r="R40" s="50"/>
      <c r="S40" s="16" t="s">
        <v>52</v>
      </c>
      <c r="T40" s="71"/>
      <c r="U40" s="71"/>
      <c r="V40" s="71"/>
      <c r="W40" s="71"/>
      <c r="X40" s="71"/>
      <c r="Y40" s="68"/>
      <c r="Z40" s="68"/>
      <c r="AA40" s="8" t="s">
        <v>26</v>
      </c>
      <c r="AB40" s="55"/>
      <c r="AC40" s="56"/>
      <c r="AD40" s="9" t="s">
        <v>27</v>
      </c>
    </row>
    <row r="41" spans="1:30" ht="19.95" customHeight="1" x14ac:dyDescent="0.45">
      <c r="A41" s="13">
        <v>9</v>
      </c>
      <c r="B41" s="50"/>
      <c r="C41" s="50"/>
      <c r="D41" s="16" t="s">
        <v>52</v>
      </c>
      <c r="E41" s="71"/>
      <c r="F41" s="71"/>
      <c r="G41" s="71"/>
      <c r="H41" s="71"/>
      <c r="I41" s="71"/>
      <c r="J41" s="68"/>
      <c r="K41" s="68"/>
      <c r="L41" s="8" t="s">
        <v>26</v>
      </c>
      <c r="M41" s="55"/>
      <c r="N41" s="56"/>
      <c r="O41" s="9" t="s">
        <v>27</v>
      </c>
      <c r="P41" s="13">
        <v>9</v>
      </c>
      <c r="Q41" s="50"/>
      <c r="R41" s="50"/>
      <c r="S41" s="16" t="s">
        <v>52</v>
      </c>
      <c r="T41" s="71"/>
      <c r="U41" s="71"/>
      <c r="V41" s="71"/>
      <c r="W41" s="71"/>
      <c r="X41" s="71"/>
      <c r="Y41" s="68"/>
      <c r="Z41" s="68"/>
      <c r="AA41" s="8" t="s">
        <v>26</v>
      </c>
      <c r="AB41" s="55"/>
      <c r="AC41" s="56"/>
      <c r="AD41" s="9" t="s">
        <v>27</v>
      </c>
    </row>
    <row r="42" spans="1:30" ht="19.95" customHeight="1" thickBot="1" x14ac:dyDescent="0.5">
      <c r="A42" s="14">
        <v>10</v>
      </c>
      <c r="B42" s="54"/>
      <c r="C42" s="54"/>
      <c r="D42" s="17" t="s">
        <v>52</v>
      </c>
      <c r="E42" s="76"/>
      <c r="F42" s="76"/>
      <c r="G42" s="76"/>
      <c r="H42" s="76"/>
      <c r="I42" s="76"/>
      <c r="J42" s="75"/>
      <c r="K42" s="75"/>
      <c r="L42" s="10" t="s">
        <v>26</v>
      </c>
      <c r="M42" s="79"/>
      <c r="N42" s="80"/>
      <c r="O42" s="12" t="s">
        <v>27</v>
      </c>
      <c r="P42" s="14">
        <v>10</v>
      </c>
      <c r="Q42" s="54"/>
      <c r="R42" s="54"/>
      <c r="S42" s="17" t="s">
        <v>52</v>
      </c>
      <c r="T42" s="76"/>
      <c r="U42" s="76"/>
      <c r="V42" s="76"/>
      <c r="W42" s="76"/>
      <c r="X42" s="76"/>
      <c r="Y42" s="75"/>
      <c r="Z42" s="75"/>
      <c r="AA42" s="10" t="s">
        <v>26</v>
      </c>
      <c r="AB42" s="79"/>
      <c r="AC42" s="80"/>
      <c r="AD42" s="12" t="s">
        <v>27</v>
      </c>
    </row>
    <row r="43" spans="1:30" ht="18" x14ac:dyDescent="0.45">
      <c r="A43" s="2" t="s">
        <v>54</v>
      </c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</row>
    <row r="44" spans="1:30" ht="18" x14ac:dyDescent="0.45">
      <c r="A44" s="37" t="s">
        <v>36</v>
      </c>
      <c r="B44" s="37"/>
      <c r="C44" s="37"/>
      <c r="D44" s="37"/>
      <c r="E44" s="37"/>
      <c r="F44" s="37"/>
      <c r="G44" s="37"/>
      <c r="H44" s="37"/>
      <c r="I44" s="37"/>
      <c r="J44" s="37"/>
      <c r="K44" s="37"/>
      <c r="L44" s="37"/>
      <c r="M44" s="37"/>
      <c r="N44" s="37"/>
      <c r="O44" s="37"/>
      <c r="P44" s="37"/>
      <c r="Q44" s="37"/>
      <c r="R44" s="37"/>
      <c r="S44" s="37"/>
      <c r="T44" s="37"/>
      <c r="U44" s="37"/>
      <c r="V44" s="37"/>
      <c r="W44" s="37"/>
      <c r="X44" s="37"/>
      <c r="Y44" s="37"/>
      <c r="Z44" s="37"/>
      <c r="AA44" s="37"/>
      <c r="AB44" s="37"/>
      <c r="AC44" s="37"/>
    </row>
    <row r="45" spans="1:30" ht="18" x14ac:dyDescent="0.45">
      <c r="A45" s="37" t="s">
        <v>37</v>
      </c>
      <c r="B45" s="37"/>
      <c r="C45" s="37"/>
      <c r="D45" s="37"/>
      <c r="E45" s="37"/>
      <c r="F45" s="37"/>
      <c r="G45" s="37"/>
      <c r="H45" s="37"/>
      <c r="I45" s="37"/>
      <c r="J45" s="37"/>
      <c r="K45" s="37"/>
      <c r="L45" s="37"/>
      <c r="M45" s="37"/>
      <c r="N45" s="37"/>
      <c r="O45" s="37"/>
      <c r="P45" s="37"/>
      <c r="Q45" s="37"/>
      <c r="R45" s="37"/>
      <c r="S45" s="37"/>
      <c r="T45" s="37"/>
      <c r="U45" s="37"/>
      <c r="V45" s="37"/>
      <c r="W45" s="37"/>
      <c r="X45" s="37"/>
      <c r="Y45" s="37"/>
      <c r="Z45" s="37"/>
      <c r="AA45" s="37"/>
      <c r="AB45" s="37"/>
      <c r="AC45" s="37"/>
    </row>
    <row r="47" spans="1:30" s="2" customFormat="1" ht="26.4" customHeight="1" x14ac:dyDescent="0.45">
      <c r="A47" s="77" t="s">
        <v>38</v>
      </c>
      <c r="B47" s="77"/>
      <c r="C47" s="77"/>
      <c r="D47" s="20" t="s">
        <v>32</v>
      </c>
      <c r="E47" s="77"/>
      <c r="F47" s="77"/>
      <c r="G47" s="2" t="s">
        <v>33</v>
      </c>
      <c r="H47" s="2" t="s">
        <v>44</v>
      </c>
      <c r="I47" s="2" t="s">
        <v>39</v>
      </c>
      <c r="J47" s="77">
        <v>100</v>
      </c>
      <c r="K47" s="77"/>
      <c r="L47" s="2" t="s">
        <v>40</v>
      </c>
      <c r="M47" s="2" t="s">
        <v>41</v>
      </c>
      <c r="N47" s="20" t="s">
        <v>42</v>
      </c>
      <c r="O47" s="77">
        <f>E47*100</f>
        <v>0</v>
      </c>
      <c r="P47" s="77"/>
      <c r="Q47" s="77"/>
      <c r="R47" s="2" t="s">
        <v>43</v>
      </c>
      <c r="S47" s="2" t="s">
        <v>40</v>
      </c>
      <c r="T47" s="19"/>
      <c r="U47" s="19"/>
      <c r="V47" s="19"/>
      <c r="W47" s="19"/>
      <c r="X47" s="19"/>
      <c r="Y47" s="19"/>
      <c r="Z47" s="19"/>
      <c r="AA47" s="19"/>
      <c r="AB47" s="19"/>
      <c r="AC47" s="19"/>
    </row>
    <row r="52" spans="3:3" x14ac:dyDescent="0.45">
      <c r="C52" s="1" t="s">
        <v>28</v>
      </c>
    </row>
    <row r="53" spans="3:3" x14ac:dyDescent="0.45">
      <c r="C53" s="1" t="s">
        <v>29</v>
      </c>
    </row>
    <row r="54" spans="3:3" x14ac:dyDescent="0.45">
      <c r="C54" s="1" t="s">
        <v>30</v>
      </c>
    </row>
  </sheetData>
  <mergeCells count="194">
    <mergeCell ref="Y42:Z42"/>
    <mergeCell ref="AB42:AC42"/>
    <mergeCell ref="A44:AC44"/>
    <mergeCell ref="A45:AC45"/>
    <mergeCell ref="A47:C47"/>
    <mergeCell ref="E47:F47"/>
    <mergeCell ref="J47:K47"/>
    <mergeCell ref="O47:Q47"/>
    <mergeCell ref="B42:C42"/>
    <mergeCell ref="E42:I42"/>
    <mergeCell ref="J42:K42"/>
    <mergeCell ref="M42:N42"/>
    <mergeCell ref="Q42:R42"/>
    <mergeCell ref="T42:X42"/>
    <mergeCell ref="Y40:Z40"/>
    <mergeCell ref="AB40:AC40"/>
    <mergeCell ref="B41:C41"/>
    <mergeCell ref="E41:I41"/>
    <mergeCell ref="J41:K41"/>
    <mergeCell ref="M41:N41"/>
    <mergeCell ref="Q41:R41"/>
    <mergeCell ref="T41:X41"/>
    <mergeCell ref="Y41:Z41"/>
    <mergeCell ref="AB41:AC41"/>
    <mergeCell ref="B40:C40"/>
    <mergeCell ref="E40:I40"/>
    <mergeCell ref="J40:K40"/>
    <mergeCell ref="M40:N40"/>
    <mergeCell ref="Q40:R40"/>
    <mergeCell ref="T40:X40"/>
    <mergeCell ref="Y38:Z38"/>
    <mergeCell ref="AB38:AC38"/>
    <mergeCell ref="B39:C39"/>
    <mergeCell ref="E39:I39"/>
    <mergeCell ref="J39:K39"/>
    <mergeCell ref="M39:N39"/>
    <mergeCell ref="Q39:R39"/>
    <mergeCell ref="T39:X39"/>
    <mergeCell ref="Y39:Z39"/>
    <mergeCell ref="AB39:AC39"/>
    <mergeCell ref="B38:C38"/>
    <mergeCell ref="E38:I38"/>
    <mergeCell ref="J38:K38"/>
    <mergeCell ref="M38:N38"/>
    <mergeCell ref="Q38:R38"/>
    <mergeCell ref="T38:X38"/>
    <mergeCell ref="Y36:Z36"/>
    <mergeCell ref="AB36:AC36"/>
    <mergeCell ref="B37:C37"/>
    <mergeCell ref="E37:I37"/>
    <mergeCell ref="J37:K37"/>
    <mergeCell ref="M37:N37"/>
    <mergeCell ref="Q37:R37"/>
    <mergeCell ref="T37:X37"/>
    <mergeCell ref="Y37:Z37"/>
    <mergeCell ref="AB37:AC37"/>
    <mergeCell ref="B36:C36"/>
    <mergeCell ref="E36:I36"/>
    <mergeCell ref="J36:K36"/>
    <mergeCell ref="M36:N36"/>
    <mergeCell ref="Q36:R36"/>
    <mergeCell ref="T36:X36"/>
    <mergeCell ref="Y34:Z34"/>
    <mergeCell ref="AB34:AC34"/>
    <mergeCell ref="B35:C35"/>
    <mergeCell ref="E35:I35"/>
    <mergeCell ref="J35:K35"/>
    <mergeCell ref="M35:N35"/>
    <mergeCell ref="Q35:R35"/>
    <mergeCell ref="T35:X35"/>
    <mergeCell ref="Y35:Z35"/>
    <mergeCell ref="AB35:AC35"/>
    <mergeCell ref="B34:C34"/>
    <mergeCell ref="E34:I34"/>
    <mergeCell ref="J34:K34"/>
    <mergeCell ref="M34:N34"/>
    <mergeCell ref="Q34:R34"/>
    <mergeCell ref="T34:X34"/>
    <mergeCell ref="Y32:AA32"/>
    <mergeCell ref="AB32:AD32"/>
    <mergeCell ref="B33:C33"/>
    <mergeCell ref="E33:I33"/>
    <mergeCell ref="J33:K33"/>
    <mergeCell ref="M33:N33"/>
    <mergeCell ref="Q33:R33"/>
    <mergeCell ref="T33:X33"/>
    <mergeCell ref="Y33:Z33"/>
    <mergeCell ref="AB33:AC33"/>
    <mergeCell ref="B32:D32"/>
    <mergeCell ref="E32:I32"/>
    <mergeCell ref="J32:L32"/>
    <mergeCell ref="M32:O32"/>
    <mergeCell ref="Q32:S32"/>
    <mergeCell ref="T32:X32"/>
    <mergeCell ref="A26:G26"/>
    <mergeCell ref="A29:AD29"/>
    <mergeCell ref="A31:O31"/>
    <mergeCell ref="P31:AD31"/>
    <mergeCell ref="Y24:Z24"/>
    <mergeCell ref="AB24:AC24"/>
    <mergeCell ref="A25:B25"/>
    <mergeCell ref="C25:H25"/>
    <mergeCell ref="I25:J25"/>
    <mergeCell ref="L25:M25"/>
    <mergeCell ref="Q25:R25"/>
    <mergeCell ref="S25:X25"/>
    <mergeCell ref="Y25:Z25"/>
    <mergeCell ref="AB25:AC25"/>
    <mergeCell ref="A24:B24"/>
    <mergeCell ref="C24:H24"/>
    <mergeCell ref="I24:J24"/>
    <mergeCell ref="L24:M24"/>
    <mergeCell ref="Q24:R24"/>
    <mergeCell ref="S24:X24"/>
    <mergeCell ref="A27:AD28"/>
    <mergeCell ref="A30:AD30"/>
    <mergeCell ref="Y22:Z22"/>
    <mergeCell ref="AB22:AC22"/>
    <mergeCell ref="A23:B23"/>
    <mergeCell ref="C23:H23"/>
    <mergeCell ref="I23:J23"/>
    <mergeCell ref="L23:M23"/>
    <mergeCell ref="Q23:R23"/>
    <mergeCell ref="S23:X23"/>
    <mergeCell ref="Y23:Z23"/>
    <mergeCell ref="AB23:AC23"/>
    <mergeCell ref="A22:B22"/>
    <mergeCell ref="C22:H22"/>
    <mergeCell ref="I22:J22"/>
    <mergeCell ref="L22:M22"/>
    <mergeCell ref="Q22:R22"/>
    <mergeCell ref="S22:X22"/>
    <mergeCell ref="Y20:Z20"/>
    <mergeCell ref="AB20:AC20"/>
    <mergeCell ref="A21:B21"/>
    <mergeCell ref="C21:H21"/>
    <mergeCell ref="I21:J21"/>
    <mergeCell ref="L21:M21"/>
    <mergeCell ref="Q21:R21"/>
    <mergeCell ref="S21:X21"/>
    <mergeCell ref="Y21:Z21"/>
    <mergeCell ref="AB21:AC21"/>
    <mergeCell ref="A20:B20"/>
    <mergeCell ref="C20:H20"/>
    <mergeCell ref="I20:J20"/>
    <mergeCell ref="L20:M20"/>
    <mergeCell ref="Q20:R20"/>
    <mergeCell ref="S20:X20"/>
    <mergeCell ref="A19:B19"/>
    <mergeCell ref="C19:H19"/>
    <mergeCell ref="I19:J19"/>
    <mergeCell ref="L19:M19"/>
    <mergeCell ref="Q19:R19"/>
    <mergeCell ref="S19:X19"/>
    <mergeCell ref="Y19:Z19"/>
    <mergeCell ref="AB19:AC19"/>
    <mergeCell ref="A18:B18"/>
    <mergeCell ref="C18:H18"/>
    <mergeCell ref="I18:K18"/>
    <mergeCell ref="L18:N18"/>
    <mergeCell ref="Q18:R18"/>
    <mergeCell ref="S18:X18"/>
    <mergeCell ref="A14:C15"/>
    <mergeCell ref="D14:K15"/>
    <mergeCell ref="L12:M13"/>
    <mergeCell ref="N12:N13"/>
    <mergeCell ref="O12:P13"/>
    <mergeCell ref="Q12:Q13"/>
    <mergeCell ref="R12:T13"/>
    <mergeCell ref="U12:W13"/>
    <mergeCell ref="Y18:AA18"/>
    <mergeCell ref="A12:A13"/>
    <mergeCell ref="B12:C13"/>
    <mergeCell ref="D12:D13"/>
    <mergeCell ref="E12:F13"/>
    <mergeCell ref="G12:G13"/>
    <mergeCell ref="H12:J13"/>
    <mergeCell ref="K12:K13"/>
    <mergeCell ref="X12:AB13"/>
    <mergeCell ref="AB18:AD18"/>
    <mergeCell ref="AC12:AD13"/>
    <mergeCell ref="A1:AD2"/>
    <mergeCell ref="X3:Z3"/>
    <mergeCell ref="A6:AD6"/>
    <mergeCell ref="A7:AD7"/>
    <mergeCell ref="A8:AD8"/>
    <mergeCell ref="A10:C11"/>
    <mergeCell ref="D10:J11"/>
    <mergeCell ref="K10:M11"/>
    <mergeCell ref="N10:N11"/>
    <mergeCell ref="O10:P11"/>
    <mergeCell ref="Q10:Q11"/>
    <mergeCell ref="R10:T11"/>
    <mergeCell ref="U10:AD11"/>
  </mergeCells>
  <phoneticPr fontId="1"/>
  <conditionalFormatting sqref="O47">
    <cfRule type="cellIs" dxfId="0" priority="1" operator="equal">
      <formula>0</formula>
    </cfRule>
  </conditionalFormatting>
  <printOptions horizontalCentered="1" verticalCentered="1"/>
  <pageMargins left="0.23622047244094491" right="0.23622047244094491" top="0" bottom="0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中学校</vt:lpstr>
      <vt:lpstr>地域クラブ</vt:lpstr>
      <vt:lpstr>地域クラブ!Print_Area</vt:lpstr>
      <vt:lpstr>中学校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原拓司</dc:creator>
  <cp:lastModifiedBy>曽根　章仁</cp:lastModifiedBy>
  <cp:lastPrinted>2024-03-11T06:36:28Z</cp:lastPrinted>
  <dcterms:created xsi:type="dcterms:W3CDTF">2023-09-21T02:20:23Z</dcterms:created>
  <dcterms:modified xsi:type="dcterms:W3CDTF">2024-03-27T04:49:58Z</dcterms:modified>
</cp:coreProperties>
</file>